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1169\2022_04消費・教育統計課\小売\01小売物価\14_小売物価　ホームページ\00_2022年分（2020年基準）\2022.4月分(2020年基準)\消費者物価指数の概要・中分類\"/>
    </mc:Choice>
  </mc:AlternateContent>
  <bookViews>
    <workbookView xWindow="13110" yWindow="30" windowWidth="7410" windowHeight="8070"/>
  </bookViews>
  <sheets>
    <sheet name="消費者物価指数の概要 " sheetId="1" r:id="rId1"/>
    <sheet name="中分類指数" sheetId="2" r:id="rId2"/>
  </sheets>
  <definedNames>
    <definedName name="_xlnm.Print_Area" localSheetId="0">'消費者物価指数の概要 '!#REF!</definedName>
    <definedName name="_xlnm.Print_Area" localSheetId="1">中分類指数!$A$1:$K$48</definedName>
    <definedName name="月報_中分類表抽出" localSheetId="1">中分類指数!$A$2:$E$48</definedName>
  </definedNames>
  <calcPr calcId="152511"/>
</workbook>
</file>

<file path=xl/calcChain.xml><?xml version="1.0" encoding="utf-8"?>
<calcChain xmlns="http://schemas.openxmlformats.org/spreadsheetml/2006/main">
  <c r="F32" i="1" l="1"/>
  <c r="D31" i="1"/>
  <c r="M33" i="1" l="1"/>
  <c r="M32" i="1"/>
  <c r="M31" i="1"/>
  <c r="L33" i="1"/>
  <c r="L32" i="1"/>
  <c r="L31" i="1"/>
  <c r="K33" i="1"/>
  <c r="K32" i="1"/>
  <c r="K31" i="1"/>
  <c r="J33" i="1"/>
  <c r="J32" i="1"/>
  <c r="J31" i="1"/>
  <c r="I33" i="1"/>
  <c r="I32" i="1"/>
  <c r="I31" i="1"/>
  <c r="H33" i="1"/>
  <c r="H32" i="1"/>
  <c r="H31" i="1"/>
  <c r="G33" i="1"/>
  <c r="G32" i="1"/>
  <c r="G31" i="1"/>
  <c r="F33" i="1"/>
  <c r="F31" i="1"/>
  <c r="E33" i="1"/>
  <c r="E32" i="1"/>
  <c r="E31" i="1"/>
  <c r="D33" i="1"/>
  <c r="D32" i="1"/>
  <c r="C33" i="1"/>
  <c r="C32" i="1"/>
  <c r="C31" i="1"/>
</calcChain>
</file>

<file path=xl/sharedStrings.xml><?xml version="1.0" encoding="utf-8"?>
<sst xmlns="http://schemas.openxmlformats.org/spreadsheetml/2006/main" count="104" uniqueCount="100">
  <si>
    <t>　　　　　　　　　　川崎市の消費者物価指数の概要</t>
    <rPh sb="10" eb="12">
      <t>カワサキ</t>
    </rPh>
    <phoneticPr fontId="2"/>
  </si>
  <si>
    <t>**********************************************************************************************</t>
    <phoneticPr fontId="2"/>
  </si>
  <si>
    <t>*********************************************************************************************</t>
    <phoneticPr fontId="2"/>
  </si>
  <si>
    <t xml:space="preserve">     　利用上の注意</t>
    <rPh sb="6" eb="9">
      <t>リヨウジョウ</t>
    </rPh>
    <rPh sb="10" eb="12">
      <t>チュウイ</t>
    </rPh>
    <phoneticPr fontId="2"/>
  </si>
  <si>
    <t>　　    　　1　この概要は、総務省統計局による消費者物価指数の公表結果に基づき、作成しています。</t>
    <rPh sb="12" eb="14">
      <t>ガイヨウ</t>
    </rPh>
    <rPh sb="16" eb="19">
      <t>ソウムショウ</t>
    </rPh>
    <rPh sb="19" eb="22">
      <t>トウケイキョク</t>
    </rPh>
    <rPh sb="25" eb="28">
      <t>ショウヒシャ</t>
    </rPh>
    <rPh sb="28" eb="30">
      <t>ブッカ</t>
    </rPh>
    <rPh sb="30" eb="32">
      <t>シスウ</t>
    </rPh>
    <rPh sb="33" eb="35">
      <t>コウヒョウ</t>
    </rPh>
    <rPh sb="35" eb="37">
      <t>ケッカ</t>
    </rPh>
    <rPh sb="38" eb="39">
      <t>モト</t>
    </rPh>
    <rPh sb="42" eb="44">
      <t>サクセイ</t>
    </rPh>
    <phoneticPr fontId="2"/>
  </si>
  <si>
    <t>　　 　　 　3　速報値のため、前月以前速報値や年報（確報値）と相違することがあります。</t>
    <rPh sb="9" eb="12">
      <t>ソクホウチ</t>
    </rPh>
    <rPh sb="16" eb="18">
      <t>ゼンゲツ</t>
    </rPh>
    <rPh sb="18" eb="20">
      <t>イゼン</t>
    </rPh>
    <rPh sb="20" eb="23">
      <t>ソクホウチ</t>
    </rPh>
    <rPh sb="24" eb="26">
      <t>ネンポウ</t>
    </rPh>
    <rPh sb="27" eb="28">
      <t>カク</t>
    </rPh>
    <rPh sb="29" eb="30">
      <t>アタイ</t>
    </rPh>
    <rPh sb="32" eb="34">
      <t>ソウイ</t>
    </rPh>
    <phoneticPr fontId="2"/>
  </si>
  <si>
    <t xml:space="preserve">       10大費目指数の状況</t>
    <rPh sb="9" eb="10">
      <t>ダイ</t>
    </rPh>
    <rPh sb="10" eb="12">
      <t>ヒモク</t>
    </rPh>
    <rPh sb="12" eb="14">
      <t>シスウ</t>
    </rPh>
    <rPh sb="15" eb="17">
      <t>ジョウキョウ</t>
    </rPh>
    <phoneticPr fontId="2"/>
  </si>
  <si>
    <t>費　　目</t>
    <rPh sb="0" eb="1">
      <t>ヒ</t>
    </rPh>
    <rPh sb="3" eb="4">
      <t>メ</t>
    </rPh>
    <phoneticPr fontId="2"/>
  </si>
  <si>
    <t>総合</t>
    <rPh sb="0" eb="2">
      <t>ソウゴウ</t>
    </rPh>
    <phoneticPr fontId="2"/>
  </si>
  <si>
    <t>食料</t>
    <rPh sb="0" eb="2">
      <t>ショクリョウ</t>
    </rPh>
    <phoneticPr fontId="2"/>
  </si>
  <si>
    <t>住居</t>
    <rPh sb="0" eb="2">
      <t>ジュウキョ</t>
    </rPh>
    <phoneticPr fontId="2"/>
  </si>
  <si>
    <t>光熱・
　水道</t>
    <rPh sb="0" eb="2">
      <t>コウネツ</t>
    </rPh>
    <rPh sb="5" eb="7">
      <t>スイドウ</t>
    </rPh>
    <phoneticPr fontId="2"/>
  </si>
  <si>
    <t>家具・
家事用品</t>
    <rPh sb="0" eb="2">
      <t>カグ</t>
    </rPh>
    <rPh sb="4" eb="6">
      <t>カジ</t>
    </rPh>
    <rPh sb="6" eb="8">
      <t>ヨウヒン</t>
    </rPh>
    <phoneticPr fontId="2"/>
  </si>
  <si>
    <t>被服及び履物</t>
    <rPh sb="0" eb="2">
      <t>ヒフク</t>
    </rPh>
    <rPh sb="2" eb="3">
      <t>オヨ</t>
    </rPh>
    <rPh sb="4" eb="6">
      <t>ハキモノ</t>
    </rPh>
    <phoneticPr fontId="2"/>
  </si>
  <si>
    <t>保健医療</t>
    <rPh sb="0" eb="2">
      <t>ホケン</t>
    </rPh>
    <rPh sb="2" eb="4">
      <t>イリョウ</t>
    </rPh>
    <phoneticPr fontId="2"/>
  </si>
  <si>
    <t>交通・
   通信</t>
    <rPh sb="0" eb="2">
      <t>コウツウ</t>
    </rPh>
    <rPh sb="7" eb="9">
      <t>ツウシン</t>
    </rPh>
    <phoneticPr fontId="2"/>
  </si>
  <si>
    <t>教育</t>
    <rPh sb="0" eb="2">
      <t>キョウイク</t>
    </rPh>
    <phoneticPr fontId="2"/>
  </si>
  <si>
    <t>教養娯楽</t>
    <rPh sb="0" eb="2">
      <t>キョウヨウ</t>
    </rPh>
    <rPh sb="2" eb="4">
      <t>ゴラク</t>
    </rPh>
    <phoneticPr fontId="2"/>
  </si>
  <si>
    <t>諸雑費</t>
    <rPh sb="0" eb="1">
      <t>ショ</t>
    </rPh>
    <rPh sb="1" eb="3">
      <t>ザッピ</t>
    </rPh>
    <phoneticPr fontId="2"/>
  </si>
  <si>
    <t>指　数</t>
    <rPh sb="0" eb="1">
      <t>ユビ</t>
    </rPh>
    <rPh sb="2" eb="3">
      <t>スウ</t>
    </rPh>
    <phoneticPr fontId="2"/>
  </si>
  <si>
    <t>前月比
（％）</t>
    <rPh sb="0" eb="2">
      <t>ゼンゲツ</t>
    </rPh>
    <rPh sb="2" eb="3">
      <t>ヒ</t>
    </rPh>
    <phoneticPr fontId="2"/>
  </si>
  <si>
    <t>　　　　　　　　　　　　　　　　　　　　　　　  中 　分　 類　 指　 数　　　　　　　　　</t>
    <phoneticPr fontId="19"/>
  </si>
  <si>
    <t>川崎市</t>
    <rPh sb="0" eb="2">
      <t>カワサキ</t>
    </rPh>
    <rPh sb="2" eb="3">
      <t>シ</t>
    </rPh>
    <phoneticPr fontId="19"/>
  </si>
  <si>
    <t>分　　　類　　　名</t>
    <rPh sb="8" eb="9">
      <t>メイ</t>
    </rPh>
    <phoneticPr fontId="19"/>
  </si>
  <si>
    <t>指　数</t>
  </si>
  <si>
    <t>前月比
％</t>
    <phoneticPr fontId="2"/>
  </si>
  <si>
    <t>前年
同月比
％</t>
    <phoneticPr fontId="2"/>
  </si>
  <si>
    <t>総合</t>
  </si>
  <si>
    <t>教育</t>
  </si>
  <si>
    <t>食料</t>
  </si>
  <si>
    <t>授業料等</t>
  </si>
  <si>
    <t>穀類</t>
  </si>
  <si>
    <t>教科書・学習参考教材</t>
  </si>
  <si>
    <t>魚介類</t>
  </si>
  <si>
    <t>補習教育</t>
  </si>
  <si>
    <t>肉類</t>
  </si>
  <si>
    <t>教養娯楽</t>
  </si>
  <si>
    <t>乳卵類</t>
  </si>
  <si>
    <t>教養娯楽用耐久財</t>
  </si>
  <si>
    <t>野菜・海藻</t>
  </si>
  <si>
    <t>教養娯楽用品</t>
  </si>
  <si>
    <t>果物</t>
  </si>
  <si>
    <t>書籍・他の印刷物</t>
  </si>
  <si>
    <t>油脂･調味料</t>
  </si>
  <si>
    <t>教養娯楽サービス</t>
  </si>
  <si>
    <t>菓子類</t>
  </si>
  <si>
    <t>諸雑費</t>
  </si>
  <si>
    <t>調理食品</t>
  </si>
  <si>
    <t>理美容サービス</t>
  </si>
  <si>
    <t>飲料</t>
  </si>
  <si>
    <t>理美容用品</t>
  </si>
  <si>
    <t>酒類</t>
  </si>
  <si>
    <t>身の回り用品</t>
  </si>
  <si>
    <t>外食</t>
  </si>
  <si>
    <t>たばこ</t>
  </si>
  <si>
    <t>住居</t>
  </si>
  <si>
    <t>他の諸雑費</t>
  </si>
  <si>
    <t>家賃</t>
  </si>
  <si>
    <t>設備修繕・維持</t>
  </si>
  <si>
    <t>光熱・水道</t>
  </si>
  <si>
    <t>電気代</t>
  </si>
  <si>
    <t>ガス代</t>
  </si>
  <si>
    <t>他の光熱</t>
  </si>
  <si>
    <t>上下水道料</t>
  </si>
  <si>
    <t>家具・家事用品</t>
  </si>
  <si>
    <t>家庭用耐久財</t>
  </si>
  <si>
    <t>室内装備品</t>
  </si>
  <si>
    <t>寝具類</t>
  </si>
  <si>
    <t>家事雑貨</t>
  </si>
  <si>
    <t>家事用消耗品</t>
  </si>
  <si>
    <t>家事サービス</t>
  </si>
  <si>
    <t>被服及び履物</t>
  </si>
  <si>
    <t>衣料</t>
  </si>
  <si>
    <t>シャツ・セーター・下着類</t>
  </si>
  <si>
    <t>履物類</t>
  </si>
  <si>
    <t>被服関連サービス</t>
  </si>
  <si>
    <t>保健医療</t>
  </si>
  <si>
    <t>医薬品・健康保持用摂取品</t>
  </si>
  <si>
    <t>保健医療用品・器具</t>
  </si>
  <si>
    <t>保健医療サービス</t>
  </si>
  <si>
    <t>交通・通信</t>
  </si>
  <si>
    <t>交通</t>
  </si>
  <si>
    <t>自動車等関係費</t>
  </si>
  <si>
    <t>通信</t>
  </si>
  <si>
    <t>　　　　　　4　数値は原数値を掲載しています。</t>
    <rPh sb="8" eb="10">
      <t>スウチ</t>
    </rPh>
    <rPh sb="11" eb="12">
      <t>ゲン</t>
    </rPh>
    <rPh sb="12" eb="14">
      <t>スウチ</t>
    </rPh>
    <rPh sb="15" eb="17">
      <t>ケイサイ</t>
    </rPh>
    <phoneticPr fontId="2"/>
  </si>
  <si>
    <t>前年同月比
（％）</t>
    <rPh sb="0" eb="2">
      <t>ゼンネン</t>
    </rPh>
    <rPh sb="2" eb="5">
      <t>ドウゲツヒ</t>
    </rPh>
    <phoneticPr fontId="2"/>
  </si>
  <si>
    <t>他の被服</t>
    <phoneticPr fontId="2"/>
  </si>
  <si>
    <t>　（総務省統計局公表結果に基づく　令和２（２０２０）年＝１００基準）</t>
    <rPh sb="17" eb="19">
      <t>レイワ</t>
    </rPh>
    <phoneticPr fontId="2"/>
  </si>
  <si>
    <t>　　　　　　　　　　　　　　　　　　         　　消費者物価指数　　10大費目指数　　  （令和２（２０２０）年＝１００）</t>
    <rPh sb="29" eb="32">
      <t>ショウヒシャ</t>
    </rPh>
    <rPh sb="32" eb="34">
      <t>ブッカ</t>
    </rPh>
    <rPh sb="34" eb="36">
      <t>シスウ</t>
    </rPh>
    <rPh sb="40" eb="41">
      <t>ダイ</t>
    </rPh>
    <rPh sb="41" eb="43">
      <t>ヒモク</t>
    </rPh>
    <rPh sb="43" eb="45">
      <t>シスウ</t>
    </rPh>
    <rPh sb="50" eb="52">
      <t>レイワ</t>
    </rPh>
    <rPh sb="59" eb="60">
      <t>ネン</t>
    </rPh>
    <phoneticPr fontId="2"/>
  </si>
  <si>
    <t>　　　　  　2　指数の基準時及びウエイト(家計調査)の参照年次は2020年で、指数の算定は、基準時加重相対計算法</t>
    <rPh sb="9" eb="11">
      <t>シスウ</t>
    </rPh>
    <rPh sb="12" eb="15">
      <t>キジュンジ</t>
    </rPh>
    <rPh sb="15" eb="16">
      <t>オヨ</t>
    </rPh>
    <rPh sb="22" eb="24">
      <t>カケイ</t>
    </rPh>
    <rPh sb="24" eb="26">
      <t>チョウサ</t>
    </rPh>
    <rPh sb="28" eb="30">
      <t>サンショウ</t>
    </rPh>
    <rPh sb="30" eb="32">
      <t>ネンジ</t>
    </rPh>
    <rPh sb="37" eb="38">
      <t>ネン</t>
    </rPh>
    <rPh sb="40" eb="42">
      <t>シスウ</t>
    </rPh>
    <rPh sb="43" eb="45">
      <t>サンテイ</t>
    </rPh>
    <rPh sb="47" eb="49">
      <t>キジュン</t>
    </rPh>
    <rPh sb="49" eb="50">
      <t>ジ</t>
    </rPh>
    <rPh sb="50" eb="52">
      <t>カジュウ</t>
    </rPh>
    <rPh sb="52" eb="54">
      <t>ソウタイ</t>
    </rPh>
    <rPh sb="54" eb="57">
      <t>ケイサンホウ</t>
    </rPh>
    <phoneticPr fontId="2"/>
  </si>
  <si>
    <t xml:space="preserve"> 　　 　 　　   （ラスパイレス型）です。なお、ウエイトは、主に家計調査によって得られた2019年及び2020年の平均１か</t>
    <rPh sb="18" eb="19">
      <t>ガタ</t>
    </rPh>
    <rPh sb="32" eb="33">
      <t>オモ</t>
    </rPh>
    <rPh sb="34" eb="36">
      <t>カケイ</t>
    </rPh>
    <rPh sb="36" eb="38">
      <t>チョウサ</t>
    </rPh>
    <rPh sb="42" eb="43">
      <t>エ</t>
    </rPh>
    <rPh sb="50" eb="51">
      <t>ネン</t>
    </rPh>
    <rPh sb="51" eb="52">
      <t>オヨ</t>
    </rPh>
    <rPh sb="57" eb="58">
      <t>ネン</t>
    </rPh>
    <rPh sb="59" eb="61">
      <t>ヘイキン</t>
    </rPh>
    <phoneticPr fontId="2"/>
  </si>
  <si>
    <t xml:space="preserve"> 　　 　 　　   月の１世帯当たり品目別消費支出金額を用いて作成しています。</t>
    <rPh sb="11" eb="12">
      <t>ツキ</t>
    </rPh>
    <rPh sb="14" eb="16">
      <t>セタイ</t>
    </rPh>
    <rPh sb="16" eb="17">
      <t>ア</t>
    </rPh>
    <rPh sb="19" eb="21">
      <t>ヒンモク</t>
    </rPh>
    <rPh sb="21" eb="22">
      <t>ベツ</t>
    </rPh>
    <rPh sb="22" eb="24">
      <t>ショウヒ</t>
    </rPh>
    <rPh sb="24" eb="26">
      <t>シシュツ</t>
    </rPh>
    <rPh sb="26" eb="28">
      <t>キンガク</t>
    </rPh>
    <rPh sb="29" eb="30">
      <t>モチ</t>
    </rPh>
    <rPh sb="32" eb="34">
      <t>サクセイ</t>
    </rPh>
    <phoneticPr fontId="2"/>
  </si>
  <si>
    <t>　　　　　　２０２２年４月</t>
    <rPh sb="10" eb="11">
      <t>ネン</t>
    </rPh>
    <rPh sb="12" eb="13">
      <t>ツキ</t>
    </rPh>
    <phoneticPr fontId="19"/>
  </si>
  <si>
    <t>２０２２年４月分</t>
    <phoneticPr fontId="2"/>
  </si>
  <si>
    <r>
      <t>　   　　  1　</t>
    </r>
    <r>
      <rPr>
        <b/>
        <sz val="11"/>
        <color theme="1"/>
        <rFont val="ＭＳ Ｐゴシック"/>
        <family val="3"/>
        <charset val="128"/>
      </rPr>
      <t>総合指数は１００．９</t>
    </r>
    <phoneticPr fontId="2"/>
  </si>
  <si>
    <t>　　　　　　　　   前年同月比は2.1％の上昇    前月比は0.5％の上昇</t>
    <rPh sb="22" eb="24">
      <t>ジョウショウ</t>
    </rPh>
    <rPh sb="28" eb="30">
      <t>ゼンゲツ</t>
    </rPh>
    <rPh sb="30" eb="31">
      <t>ヒ</t>
    </rPh>
    <rPh sb="37" eb="39">
      <t>ジョウショウ</t>
    </rPh>
    <phoneticPr fontId="2"/>
  </si>
  <si>
    <t>　   　　  2　生鮮食品を除く総合指数は１００．７</t>
    <rPh sb="10" eb="12">
      <t>セイセン</t>
    </rPh>
    <rPh sb="12" eb="14">
      <t>ショクヒン</t>
    </rPh>
    <rPh sb="15" eb="16">
      <t>ノゾ</t>
    </rPh>
    <rPh sb="17" eb="19">
      <t>ソウゴウ</t>
    </rPh>
    <rPh sb="19" eb="21">
      <t>シスウ</t>
    </rPh>
    <phoneticPr fontId="2"/>
  </si>
  <si>
    <t>　　　　　　　　   前年同月比は1.7％の上昇     前月比は0.5％の上昇</t>
    <rPh sb="22" eb="24">
      <t>ジョウショウ</t>
    </rPh>
    <rPh sb="29" eb="31">
      <t>ゼンゲツ</t>
    </rPh>
    <rPh sb="31" eb="32">
      <t>ヒ</t>
    </rPh>
    <rPh sb="38" eb="40">
      <t>ジョウショウ</t>
    </rPh>
    <phoneticPr fontId="2"/>
  </si>
  <si>
    <t>　　   　  3　生鮮食品及びエネルギーを除く総合指数は９９．６</t>
    <rPh sb="10" eb="12">
      <t>セイセン</t>
    </rPh>
    <rPh sb="12" eb="14">
      <t>ショクヒン</t>
    </rPh>
    <rPh sb="14" eb="15">
      <t>オヨ</t>
    </rPh>
    <rPh sb="22" eb="23">
      <t>ノゾ</t>
    </rPh>
    <rPh sb="24" eb="26">
      <t>ソウゴウ</t>
    </rPh>
    <rPh sb="26" eb="28">
      <t>シスウ</t>
    </rPh>
    <phoneticPr fontId="2"/>
  </si>
  <si>
    <t>　　　　　　　　   前年同月比は0.5％の上昇     前月比は0.4％の上昇</t>
    <rPh sb="22" eb="24">
      <t>ジョウショウ</t>
    </rPh>
    <rPh sb="29" eb="31">
      <t>ゼンゲツ</t>
    </rPh>
    <rPh sb="31" eb="32">
      <t>ヒ</t>
    </rPh>
    <rPh sb="38" eb="40">
      <t>ジョウシ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0.0_ "/>
  </numFmts>
  <fonts count="33">
    <font>
      <sz val="12"/>
      <color theme="1"/>
      <name val="ＭＳ 明朝"/>
      <family val="2"/>
      <charset val="128"/>
    </font>
    <font>
      <b/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b/>
      <sz val="14"/>
      <color theme="1"/>
      <name val="ＭＳ ゴシック"/>
      <family val="3"/>
      <charset val="128"/>
    </font>
    <font>
      <b/>
      <sz val="9"/>
      <color theme="1"/>
      <name val="ＭＳ Ｐゴシック"/>
      <family val="3"/>
      <charset val="128"/>
    </font>
    <font>
      <b/>
      <sz val="10"/>
      <color theme="1"/>
      <name val="ＭＳ 明朝"/>
      <family val="1"/>
      <charset val="128"/>
    </font>
    <font>
      <b/>
      <sz val="10"/>
      <color theme="1"/>
      <name val="ＭＳ ゴシック"/>
      <family val="3"/>
      <charset val="128"/>
    </font>
    <font>
      <sz val="11"/>
      <color theme="1"/>
      <name val="ＭＳ 明朝"/>
      <family val="2"/>
      <charset val="128"/>
    </font>
    <font>
      <b/>
      <sz val="12"/>
      <color theme="1"/>
      <name val="ＭＳ ゴシック"/>
      <family val="3"/>
      <charset val="128"/>
    </font>
    <font>
      <b/>
      <sz val="11"/>
      <color rgb="FF000000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color rgb="FF000000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b/>
      <sz val="12"/>
      <color theme="1"/>
      <name val="ＭＳ Ｐゴシック"/>
      <family val="3"/>
      <charset val="128"/>
    </font>
    <font>
      <sz val="9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8"/>
      <color theme="1"/>
      <name val="ＭＳ Ｐゴシック"/>
      <family val="3"/>
      <charset val="128"/>
    </font>
    <font>
      <sz val="10"/>
      <name val="ＭＳ Ｐゴシック"/>
      <family val="3"/>
      <charset val="128"/>
    </font>
    <font>
      <b/>
      <sz val="14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Ｐ明朝"/>
      <family val="1"/>
      <charset val="128"/>
    </font>
    <font>
      <b/>
      <sz val="14"/>
      <name val="ＭＳ Ｐ明朝"/>
      <family val="1"/>
      <charset val="128"/>
    </font>
    <font>
      <b/>
      <sz val="12"/>
      <color theme="1"/>
      <name val="ＭＳ Ｐ明朝"/>
      <family val="1"/>
      <charset val="128"/>
    </font>
    <font>
      <sz val="10.5"/>
      <name val="ＭＳ Ｐ明朝"/>
      <family val="1"/>
      <charset val="128"/>
    </font>
    <font>
      <sz val="14"/>
      <name val="ＭＳ Ｐ明朝"/>
      <family val="1"/>
      <charset val="128"/>
    </font>
    <font>
      <sz val="14"/>
      <name val="ＭＳ Ｐゴシック"/>
      <family val="3"/>
      <charset val="128"/>
    </font>
    <font>
      <b/>
      <sz val="10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2"/>
      <color indexed="8"/>
      <name val="ＭＳ 明朝"/>
      <family val="1"/>
      <charset val="128"/>
    </font>
    <font>
      <sz val="12"/>
      <name val="ＭＳ 明朝"/>
      <family val="1"/>
      <charset val="128"/>
    </font>
    <font>
      <sz val="11"/>
      <name val="ＭＳ Ｐ明朝"/>
      <family val="1"/>
      <charset val="128"/>
    </font>
    <font>
      <sz val="10"/>
      <color indexed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31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double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thin">
        <color auto="1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</borders>
  <cellStyleXfs count="3">
    <xf numFmtId="0" fontId="0" fillId="0" borderId="0">
      <alignment vertical="center"/>
    </xf>
    <xf numFmtId="0" fontId="17" fillId="0" borderId="0"/>
    <xf numFmtId="0" fontId="17" fillId="0" borderId="0"/>
  </cellStyleXfs>
  <cellXfs count="118">
    <xf numFmtId="0" fontId="0" fillId="0" borderId="0" xfId="0">
      <alignment vertical="center"/>
    </xf>
    <xf numFmtId="0" fontId="0" fillId="0" borderId="0" xfId="0" applyBorder="1">
      <alignment vertical="center"/>
    </xf>
    <xf numFmtId="0" fontId="4" fillId="0" borderId="0" xfId="0" applyFont="1" applyBorder="1" applyAlignment="1">
      <alignment horizontal="center" vertical="center"/>
    </xf>
    <xf numFmtId="0" fontId="0" fillId="0" borderId="0" xfId="0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6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vertical="center"/>
    </xf>
    <xf numFmtId="0" fontId="8" fillId="0" borderId="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7" fillId="0" borderId="0" xfId="0" applyFont="1" applyAlignment="1">
      <alignment vertical="center"/>
    </xf>
    <xf numFmtId="0" fontId="12" fillId="0" borderId="0" xfId="0" applyFont="1" applyAlignment="1">
      <alignment vertical="center"/>
    </xf>
    <xf numFmtId="0" fontId="7" fillId="0" borderId="0" xfId="0" applyFont="1" applyBorder="1">
      <alignment vertical="center"/>
    </xf>
    <xf numFmtId="0" fontId="7" fillId="0" borderId="0" xfId="0" applyFont="1">
      <alignment vertical="center"/>
    </xf>
    <xf numFmtId="0" fontId="0" fillId="0" borderId="0" xfId="0" applyFont="1" applyAlignment="1">
      <alignment vertical="center"/>
    </xf>
    <xf numFmtId="0" fontId="14" fillId="0" borderId="1" xfId="0" applyFont="1" applyBorder="1" applyAlignment="1">
      <alignment horizontal="center" vertical="center" wrapText="1" shrinkToFit="1"/>
    </xf>
    <xf numFmtId="0" fontId="14" fillId="0" borderId="2" xfId="0" applyFont="1" applyBorder="1" applyAlignment="1">
      <alignment horizontal="center" vertical="center" wrapText="1" shrinkToFit="1"/>
    </xf>
    <xf numFmtId="0" fontId="14" fillId="0" borderId="3" xfId="0" applyFont="1" applyBorder="1" applyAlignment="1">
      <alignment horizontal="center" vertical="center" wrapText="1" shrinkToFit="1"/>
    </xf>
    <xf numFmtId="0" fontId="14" fillId="0" borderId="1" xfId="0" applyFont="1" applyBorder="1" applyAlignment="1">
      <alignment horizontal="center" vertical="center" wrapText="1"/>
    </xf>
    <xf numFmtId="176" fontId="15" fillId="0" borderId="2" xfId="0" applyNumberFormat="1" applyFont="1" applyBorder="1">
      <alignment vertical="center"/>
    </xf>
    <xf numFmtId="176" fontId="15" fillId="0" borderId="3" xfId="0" applyNumberFormat="1" applyFont="1" applyBorder="1">
      <alignment vertical="center"/>
    </xf>
    <xf numFmtId="176" fontId="15" fillId="0" borderId="1" xfId="0" applyNumberFormat="1" applyFont="1" applyBorder="1" applyAlignment="1">
      <alignment horizontal="right" vertical="center"/>
    </xf>
    <xf numFmtId="176" fontId="15" fillId="0" borderId="1" xfId="0" applyNumberFormat="1" applyFont="1" applyBorder="1">
      <alignment vertical="center"/>
    </xf>
    <xf numFmtId="176" fontId="15" fillId="0" borderId="4" xfId="0" applyNumberFormat="1" applyFont="1" applyBorder="1">
      <alignment vertical="center"/>
    </xf>
    <xf numFmtId="0" fontId="16" fillId="0" borderId="1" xfId="0" applyFont="1" applyBorder="1" applyAlignment="1">
      <alignment horizontal="center" vertical="center" wrapText="1"/>
    </xf>
    <xf numFmtId="176" fontId="15" fillId="0" borderId="1" xfId="0" applyNumberFormat="1" applyFont="1" applyBorder="1" applyAlignment="1">
      <alignment vertical="center"/>
    </xf>
    <xf numFmtId="176" fontId="15" fillId="0" borderId="4" xfId="0" applyNumberFormat="1" applyFont="1" applyBorder="1" applyAlignment="1">
      <alignment horizontal="right" vertical="center"/>
    </xf>
    <xf numFmtId="0" fontId="20" fillId="0" borderId="0" xfId="2" applyFont="1"/>
    <xf numFmtId="176" fontId="20" fillId="0" borderId="0" xfId="2" applyNumberFormat="1" applyFont="1"/>
    <xf numFmtId="0" fontId="23" fillId="0" borderId="0" xfId="2" applyFont="1" applyBorder="1"/>
    <xf numFmtId="0" fontId="20" fillId="0" borderId="0" xfId="2" applyFont="1" applyBorder="1"/>
    <xf numFmtId="176" fontId="20" fillId="0" borderId="0" xfId="2" applyNumberFormat="1" applyFont="1" applyBorder="1"/>
    <xf numFmtId="0" fontId="24" fillId="0" borderId="0" xfId="2" applyFont="1"/>
    <xf numFmtId="0" fontId="25" fillId="0" borderId="0" xfId="2" applyFont="1"/>
    <xf numFmtId="0" fontId="26" fillId="0" borderId="0" xfId="2" applyFont="1" applyBorder="1"/>
    <xf numFmtId="176" fontId="27" fillId="0" borderId="6" xfId="2" quotePrefix="1" applyNumberFormat="1" applyFont="1" applyBorder="1" applyAlignment="1">
      <alignment horizontal="center" vertical="center"/>
    </xf>
    <xf numFmtId="176" fontId="27" fillId="0" borderId="6" xfId="2" applyNumberFormat="1" applyFont="1" applyBorder="1" applyAlignment="1">
      <alignment horizontal="center" vertical="center" wrapText="1"/>
    </xf>
    <xf numFmtId="176" fontId="27" fillId="0" borderId="7" xfId="2" applyNumberFormat="1" applyFont="1" applyBorder="1" applyAlignment="1">
      <alignment horizontal="center" vertical="center" wrapText="1"/>
    </xf>
    <xf numFmtId="0" fontId="28" fillId="0" borderId="2" xfId="2" quotePrefix="1" applyNumberFormat="1" applyFont="1" applyBorder="1" applyAlignment="1">
      <alignment horizontal="left"/>
    </xf>
    <xf numFmtId="0" fontId="28" fillId="0" borderId="8" xfId="2" applyFont="1" applyBorder="1" applyAlignment="1">
      <alignment horizontal="left"/>
    </xf>
    <xf numFmtId="176" fontId="29" fillId="0" borderId="9" xfId="1" applyNumberFormat="1" applyFont="1" applyFill="1" applyBorder="1" applyAlignment="1">
      <alignment vertical="center"/>
    </xf>
    <xf numFmtId="176" fontId="29" fillId="0" borderId="10" xfId="1" applyNumberFormat="1" applyFont="1" applyFill="1" applyBorder="1" applyAlignment="1">
      <alignment vertical="center"/>
    </xf>
    <xf numFmtId="0" fontId="28" fillId="0" borderId="11" xfId="2" quotePrefix="1" applyNumberFormat="1" applyFont="1" applyBorder="1"/>
    <xf numFmtId="0" fontId="28" fillId="0" borderId="12" xfId="2" applyFont="1" applyBorder="1"/>
    <xf numFmtId="176" fontId="30" fillId="2" borderId="13" xfId="1" applyNumberFormat="1" applyFont="1" applyFill="1" applyBorder="1" applyAlignment="1">
      <alignment vertical="center"/>
    </xf>
    <xf numFmtId="176" fontId="30" fillId="2" borderId="14" xfId="1" applyNumberFormat="1" applyFont="1" applyFill="1" applyBorder="1" applyAlignment="1">
      <alignment vertical="center"/>
    </xf>
    <xf numFmtId="176" fontId="30" fillId="2" borderId="15" xfId="1" applyNumberFormat="1" applyFont="1" applyFill="1" applyBorder="1" applyAlignment="1">
      <alignment vertical="center"/>
    </xf>
    <xf numFmtId="0" fontId="28" fillId="0" borderId="16" xfId="2" quotePrefix="1" applyNumberFormat="1" applyFont="1" applyBorder="1"/>
    <xf numFmtId="0" fontId="28" fillId="0" borderId="0" xfId="2" applyFont="1" applyBorder="1"/>
    <xf numFmtId="176" fontId="29" fillId="0" borderId="14" xfId="1" applyNumberFormat="1" applyFont="1" applyFill="1" applyBorder="1" applyAlignment="1">
      <alignment vertical="center"/>
    </xf>
    <xf numFmtId="176" fontId="29" fillId="0" borderId="17" xfId="1" applyNumberFormat="1" applyFont="1" applyFill="1" applyBorder="1" applyAlignment="1">
      <alignment vertical="center"/>
    </xf>
    <xf numFmtId="0" fontId="20" fillId="2" borderId="0" xfId="2" applyFont="1" applyFill="1"/>
    <xf numFmtId="0" fontId="28" fillId="0" borderId="16" xfId="2" applyFont="1" applyBorder="1"/>
    <xf numFmtId="0" fontId="28" fillId="0" borderId="18" xfId="2" quotePrefix="1" applyNumberFormat="1" applyFont="1" applyBorder="1"/>
    <xf numFmtId="176" fontId="30" fillId="0" borderId="19" xfId="1" applyNumberFormat="1" applyFont="1" applyFill="1" applyBorder="1" applyAlignment="1">
      <alignment vertical="center"/>
    </xf>
    <xf numFmtId="176" fontId="30" fillId="0" borderId="20" xfId="1" applyNumberFormat="1" applyFont="1" applyFill="1" applyBorder="1" applyAlignment="1">
      <alignment vertical="center"/>
    </xf>
    <xf numFmtId="176" fontId="30" fillId="0" borderId="21" xfId="1" applyNumberFormat="1" applyFont="1" applyFill="1" applyBorder="1" applyAlignment="1">
      <alignment vertical="center"/>
    </xf>
    <xf numFmtId="0" fontId="28" fillId="0" borderId="22" xfId="2" quotePrefix="1" applyNumberFormat="1" applyFont="1" applyBorder="1"/>
    <xf numFmtId="176" fontId="29" fillId="0" borderId="18" xfId="1" applyNumberFormat="1" applyFont="1" applyFill="1" applyBorder="1" applyAlignment="1">
      <alignment vertical="center"/>
    </xf>
    <xf numFmtId="0" fontId="31" fillId="0" borderId="20" xfId="2" quotePrefix="1" applyNumberFormat="1" applyFont="1" applyBorder="1" applyAlignment="1">
      <alignment shrinkToFit="1"/>
    </xf>
    <xf numFmtId="176" fontId="29" fillId="0" borderId="0" xfId="1" applyNumberFormat="1" applyFont="1" applyFill="1" applyAlignment="1">
      <alignment vertical="center"/>
    </xf>
    <xf numFmtId="176" fontId="29" fillId="0" borderId="20" xfId="1" applyNumberFormat="1" applyFont="1" applyFill="1" applyBorder="1" applyAlignment="1">
      <alignment vertical="center"/>
    </xf>
    <xf numFmtId="176" fontId="29" fillId="0" borderId="21" xfId="1" applyNumberFormat="1" applyFont="1" applyFill="1" applyBorder="1" applyAlignment="1">
      <alignment vertical="center"/>
    </xf>
    <xf numFmtId="0" fontId="28" fillId="0" borderId="19" xfId="2" quotePrefix="1" applyNumberFormat="1" applyFont="1" applyBorder="1"/>
    <xf numFmtId="176" fontId="29" fillId="0" borderId="23" xfId="1" applyNumberFormat="1" applyFont="1" applyFill="1" applyBorder="1" applyAlignment="1">
      <alignment vertical="center"/>
    </xf>
    <xf numFmtId="0" fontId="28" fillId="0" borderId="24" xfId="2" applyFont="1" applyBorder="1"/>
    <xf numFmtId="0" fontId="28" fillId="0" borderId="25" xfId="2" quotePrefix="1" applyNumberFormat="1" applyFont="1" applyBorder="1"/>
    <xf numFmtId="0" fontId="28" fillId="0" borderId="18" xfId="2" quotePrefix="1" applyNumberFormat="1" applyFont="1" applyBorder="1" applyAlignment="1">
      <alignment shrinkToFit="1"/>
    </xf>
    <xf numFmtId="0" fontId="28" fillId="0" borderId="20" xfId="2" quotePrefix="1" applyNumberFormat="1" applyFont="1" applyBorder="1"/>
    <xf numFmtId="0" fontId="20" fillId="0" borderId="0" xfId="2" applyFont="1" applyFill="1"/>
    <xf numFmtId="176" fontId="29" fillId="2" borderId="13" xfId="1" applyNumberFormat="1" applyFont="1" applyFill="1" applyBorder="1" applyAlignment="1">
      <alignment vertical="center"/>
    </xf>
    <xf numFmtId="176" fontId="29" fillId="2" borderId="14" xfId="1" applyNumberFormat="1" applyFont="1" applyFill="1" applyBorder="1" applyAlignment="1">
      <alignment vertical="center"/>
    </xf>
    <xf numFmtId="176" fontId="29" fillId="2" borderId="15" xfId="1" applyNumberFormat="1" applyFont="1" applyFill="1" applyBorder="1" applyAlignment="1">
      <alignment vertical="center"/>
    </xf>
    <xf numFmtId="0" fontId="28" fillId="0" borderId="26" xfId="2" applyFont="1" applyBorder="1"/>
    <xf numFmtId="176" fontId="30" fillId="0" borderId="23" xfId="1" applyNumberFormat="1" applyFont="1" applyFill="1" applyBorder="1" applyAlignment="1">
      <alignment vertical="center"/>
    </xf>
    <xf numFmtId="176" fontId="29" fillId="0" borderId="19" xfId="1" applyNumberFormat="1" applyFont="1" applyFill="1" applyBorder="1" applyAlignment="1">
      <alignment vertical="center"/>
    </xf>
    <xf numFmtId="0" fontId="28" fillId="0" borderId="27" xfId="2" quotePrefix="1" applyNumberFormat="1" applyFont="1" applyBorder="1"/>
    <xf numFmtId="176" fontId="20" fillId="0" borderId="27" xfId="2" applyNumberFormat="1" applyFont="1" applyBorder="1"/>
    <xf numFmtId="0" fontId="28" fillId="0" borderId="28" xfId="2" quotePrefix="1" applyNumberFormat="1" applyFont="1" applyBorder="1"/>
    <xf numFmtId="176" fontId="29" fillId="0" borderId="28" xfId="1" applyNumberFormat="1" applyFont="1" applyFill="1" applyBorder="1" applyAlignment="1">
      <alignment vertical="center"/>
    </xf>
    <xf numFmtId="176" fontId="29" fillId="0" borderId="25" xfId="1" applyNumberFormat="1" applyFont="1" applyFill="1" applyBorder="1" applyAlignment="1">
      <alignment vertical="center"/>
    </xf>
    <xf numFmtId="176" fontId="29" fillId="0" borderId="29" xfId="1" applyNumberFormat="1" applyFont="1" applyFill="1" applyBorder="1" applyAlignment="1">
      <alignment vertical="center"/>
    </xf>
    <xf numFmtId="0" fontId="28" fillId="0" borderId="0" xfId="2" quotePrefix="1" applyNumberFormat="1" applyFont="1" applyBorder="1"/>
    <xf numFmtId="176" fontId="32" fillId="0" borderId="0" xfId="1" applyNumberFormat="1" applyFont="1" applyFill="1" applyBorder="1" applyAlignment="1">
      <alignment vertical="center"/>
    </xf>
    <xf numFmtId="176" fontId="29" fillId="0" borderId="22" xfId="1" applyNumberFormat="1" applyFont="1" applyFill="1" applyBorder="1" applyAlignment="1">
      <alignment vertical="center"/>
    </xf>
    <xf numFmtId="176" fontId="29" fillId="0" borderId="30" xfId="1" applyNumberFormat="1" applyFont="1" applyFill="1" applyBorder="1" applyAlignment="1">
      <alignment vertical="center"/>
    </xf>
    <xf numFmtId="0" fontId="28" fillId="0" borderId="16" xfId="2" applyFont="1" applyFill="1" applyBorder="1"/>
    <xf numFmtId="0" fontId="28" fillId="0" borderId="20" xfId="2" quotePrefix="1" applyNumberFormat="1" applyFont="1" applyFill="1" applyBorder="1"/>
    <xf numFmtId="176" fontId="30" fillId="0" borderId="0" xfId="1" applyNumberFormat="1" applyFont="1" applyFill="1" applyAlignment="1">
      <alignment vertical="center"/>
    </xf>
    <xf numFmtId="0" fontId="20" fillId="0" borderId="20" xfId="2" quotePrefix="1" applyNumberFormat="1" applyFont="1" applyBorder="1" applyAlignment="1">
      <alignment shrinkToFit="1"/>
    </xf>
    <xf numFmtId="0" fontId="20" fillId="0" borderId="20" xfId="2" quotePrefix="1" applyNumberFormat="1" applyFont="1" applyBorder="1"/>
    <xf numFmtId="0" fontId="12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49" fontId="0" fillId="0" borderId="0" xfId="0" applyNumberFormat="1" applyAlignment="1"/>
    <xf numFmtId="0" fontId="7" fillId="0" borderId="0" xfId="0" applyFont="1" applyBorder="1" applyAlignment="1">
      <alignment vertical="center"/>
    </xf>
    <xf numFmtId="0" fontId="0" fillId="0" borderId="0" xfId="0" applyBorder="1" applyAlignment="1">
      <alignment vertical="center"/>
    </xf>
    <xf numFmtId="0" fontId="3" fillId="0" borderId="0" xfId="0" applyFont="1" applyBorder="1" applyAlignment="1">
      <alignment horizontal="center" vertical="center"/>
    </xf>
    <xf numFmtId="0" fontId="5" fillId="0" borderId="0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0" fillId="0" borderId="0" xfId="0" applyFont="1" applyBorder="1" applyAlignment="1">
      <alignment vertical="center"/>
    </xf>
    <xf numFmtId="0" fontId="9" fillId="0" borderId="0" xfId="0" applyFont="1" applyBorder="1" applyAlignment="1">
      <alignment horizontal="justify" vertical="center"/>
    </xf>
    <xf numFmtId="0" fontId="11" fillId="0" borderId="0" xfId="0" applyFont="1" applyBorder="1" applyAlignment="1">
      <alignment horizontal="justify" vertical="center"/>
    </xf>
    <xf numFmtId="0" fontId="10" fillId="0" borderId="0" xfId="0" applyFont="1" applyBorder="1" applyAlignment="1">
      <alignment horizontal="left" vertical="center"/>
    </xf>
    <xf numFmtId="0" fontId="10" fillId="0" borderId="0" xfId="0" applyFont="1" applyBorder="1" applyAlignment="1">
      <alignment vertical="center"/>
    </xf>
    <xf numFmtId="0" fontId="12" fillId="0" borderId="0" xfId="0" applyFont="1" applyBorder="1" applyAlignment="1">
      <alignment horizontal="left" vertical="center"/>
    </xf>
    <xf numFmtId="0" fontId="0" fillId="0" borderId="0" xfId="0" applyAlignment="1">
      <alignment vertical="center"/>
    </xf>
    <xf numFmtId="0" fontId="7" fillId="0" borderId="0" xfId="0" applyFont="1" applyBorder="1" applyAlignment="1">
      <alignment vertical="center"/>
    </xf>
    <xf numFmtId="0" fontId="12" fillId="0" borderId="0" xfId="0" applyFont="1" applyBorder="1" applyAlignment="1">
      <alignment vertical="center"/>
    </xf>
    <xf numFmtId="0" fontId="13" fillId="0" borderId="0" xfId="0" applyFont="1" applyBorder="1" applyAlignment="1">
      <alignment vertical="center"/>
    </xf>
    <xf numFmtId="0" fontId="21" fillId="0" borderId="0" xfId="2" applyFont="1" applyAlignment="1"/>
    <xf numFmtId="0" fontId="22" fillId="0" borderId="0" xfId="0" applyFont="1" applyAlignment="1"/>
    <xf numFmtId="0" fontId="27" fillId="0" borderId="2" xfId="2" applyNumberFormat="1" applyFont="1" applyBorder="1" applyAlignment="1">
      <alignment horizontal="center" vertical="center"/>
    </xf>
    <xf numFmtId="0" fontId="17" fillId="0" borderId="5" xfId="1" applyBorder="1" applyAlignment="1">
      <alignment horizontal="center" vertical="center"/>
    </xf>
    <xf numFmtId="176" fontId="18" fillId="0" borderId="0" xfId="2" applyNumberFormat="1" applyFont="1" applyAlignment="1"/>
    <xf numFmtId="0" fontId="1" fillId="0" borderId="0" xfId="0" applyFont="1" applyAlignment="1"/>
    <xf numFmtId="176" fontId="0" fillId="0" borderId="0" xfId="2" applyNumberFormat="1" applyFont="1" applyAlignment="1">
      <alignment horizontal="center"/>
    </xf>
    <xf numFmtId="49" fontId="18" fillId="0" borderId="0" xfId="2" applyNumberFormat="1" applyFont="1" applyAlignment="1">
      <alignment horizontal="right"/>
    </xf>
  </cellXfs>
  <cellStyles count="3">
    <cellStyle name="標準" xfId="0" builtinId="0"/>
    <cellStyle name="標準 2" xfId="1"/>
    <cellStyle name="標準_chubunrui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T124"/>
  <sheetViews>
    <sheetView tabSelected="1" zoomScaleNormal="100" workbookViewId="0"/>
  </sheetViews>
  <sheetFormatPr defaultRowHeight="14.25"/>
  <cols>
    <col min="1" max="1" width="4.25" customWidth="1"/>
    <col min="2" max="2" width="9.25" customWidth="1"/>
    <col min="3" max="13" width="6.75" customWidth="1"/>
    <col min="14" max="14" width="6.625" customWidth="1"/>
    <col min="15" max="20" width="5.625" customWidth="1"/>
  </cols>
  <sheetData>
    <row r="1" spans="1:16">
      <c r="A1" s="1"/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6" ht="42.75" customHeight="1">
      <c r="A2" s="96" t="s">
        <v>0</v>
      </c>
      <c r="B2" s="95"/>
      <c r="C2" s="95"/>
      <c r="D2" s="95"/>
      <c r="E2" s="95"/>
      <c r="F2" s="95"/>
      <c r="G2" s="95"/>
      <c r="H2" s="95"/>
      <c r="I2" s="95"/>
      <c r="J2" s="95"/>
      <c r="K2" s="2"/>
      <c r="L2" s="97"/>
      <c r="M2" s="97"/>
      <c r="N2" s="97"/>
      <c r="O2" s="3"/>
      <c r="P2" s="3"/>
    </row>
    <row r="3" spans="1:16" ht="20.100000000000001" customHeight="1">
      <c r="A3" s="4"/>
      <c r="B3" s="4"/>
      <c r="C3" s="4"/>
      <c r="D3" s="4"/>
      <c r="E3" s="4"/>
      <c r="F3" s="4"/>
      <c r="G3" s="4"/>
      <c r="H3" s="4"/>
      <c r="I3" s="4"/>
      <c r="J3" s="4"/>
      <c r="K3" s="4"/>
      <c r="L3" s="4"/>
      <c r="M3" s="4"/>
      <c r="N3" s="1"/>
    </row>
    <row r="4" spans="1:16" ht="20.100000000000001" customHeight="1">
      <c r="A4" s="98" t="s">
        <v>87</v>
      </c>
      <c r="B4" s="95"/>
      <c r="C4" s="95"/>
      <c r="D4" s="95"/>
      <c r="E4" s="95"/>
      <c r="F4" s="95"/>
      <c r="G4" s="95"/>
      <c r="H4" s="95"/>
      <c r="I4" s="95"/>
      <c r="J4" s="95"/>
      <c r="K4" s="95"/>
      <c r="L4" s="95"/>
      <c r="M4" s="95"/>
      <c r="N4" s="5"/>
      <c r="O4" s="3"/>
      <c r="P4" s="3"/>
    </row>
    <row r="5" spans="1:16" ht="20.100000000000001" customHeight="1">
      <c r="A5" s="6"/>
      <c r="B5" s="5"/>
      <c r="C5" s="5"/>
      <c r="D5" s="5"/>
      <c r="E5" s="5"/>
      <c r="F5" s="5"/>
      <c r="G5" s="5"/>
      <c r="H5" s="5"/>
      <c r="I5" s="5"/>
      <c r="J5" s="5"/>
      <c r="K5" s="5"/>
      <c r="L5" s="7"/>
      <c r="M5" s="5"/>
      <c r="N5" s="5"/>
    </row>
    <row r="6" spans="1:16" ht="20.100000000000001" customHeight="1">
      <c r="A6" s="99" t="s">
        <v>93</v>
      </c>
      <c r="B6" s="100"/>
      <c r="C6" s="100"/>
      <c r="D6" s="100"/>
      <c r="E6" s="100"/>
      <c r="F6" s="100"/>
      <c r="G6" s="100"/>
      <c r="H6" s="100"/>
      <c r="I6" s="100"/>
      <c r="J6" s="100"/>
      <c r="K6" s="100"/>
      <c r="L6" s="100"/>
      <c r="M6" s="100"/>
      <c r="N6" s="5"/>
      <c r="O6" s="3"/>
      <c r="P6" s="3"/>
    </row>
    <row r="7" spans="1:16">
      <c r="A7" s="8"/>
      <c r="B7" s="9"/>
      <c r="C7" s="9"/>
      <c r="D7" s="9"/>
      <c r="E7" s="9"/>
      <c r="F7" s="9"/>
      <c r="G7" s="9"/>
      <c r="H7" s="1"/>
      <c r="I7" s="1"/>
      <c r="J7" s="1"/>
      <c r="K7" s="1"/>
      <c r="L7" s="1"/>
      <c r="M7" s="1"/>
      <c r="N7" s="1"/>
    </row>
    <row r="8" spans="1:16">
      <c r="A8" s="1"/>
      <c r="B8" s="1"/>
      <c r="C8" s="1"/>
      <c r="D8" s="1"/>
      <c r="E8" s="1"/>
      <c r="F8" s="1"/>
      <c r="G8" s="1"/>
      <c r="H8" s="1"/>
      <c r="I8" s="1"/>
      <c r="J8" s="1"/>
      <c r="K8" s="1"/>
      <c r="L8" s="1"/>
      <c r="M8" s="1"/>
      <c r="N8" s="1"/>
    </row>
    <row r="9" spans="1:16">
      <c r="A9" s="95" t="s">
        <v>1</v>
      </c>
      <c r="B9" s="95"/>
      <c r="C9" s="95"/>
      <c r="D9" s="95"/>
      <c r="E9" s="95"/>
      <c r="F9" s="95"/>
      <c r="G9" s="95"/>
      <c r="H9" s="95"/>
      <c r="I9" s="95"/>
      <c r="J9" s="95"/>
      <c r="K9" s="95"/>
      <c r="L9" s="95"/>
      <c r="M9" s="95"/>
      <c r="N9" s="95"/>
      <c r="O9" s="3"/>
      <c r="P9" s="3"/>
    </row>
    <row r="10" spans="1:16" ht="22.15" customHeight="1">
      <c r="A10" s="101" t="s">
        <v>94</v>
      </c>
      <c r="B10" s="95"/>
      <c r="C10" s="95"/>
      <c r="D10" s="95"/>
      <c r="E10" s="95"/>
      <c r="F10" s="95"/>
      <c r="G10" s="95"/>
      <c r="H10" s="95"/>
      <c r="I10" s="95"/>
      <c r="J10" s="95"/>
      <c r="K10" s="95"/>
      <c r="L10" s="95"/>
      <c r="M10" s="95"/>
      <c r="N10" s="95"/>
      <c r="O10" s="3"/>
      <c r="P10" s="3"/>
    </row>
    <row r="11" spans="1:16" ht="22.15" customHeight="1">
      <c r="A11" s="102" t="s">
        <v>95</v>
      </c>
      <c r="B11" s="95"/>
      <c r="C11" s="95"/>
      <c r="D11" s="95"/>
      <c r="E11" s="95"/>
      <c r="F11" s="95"/>
      <c r="G11" s="95"/>
      <c r="H11" s="95"/>
      <c r="I11" s="95"/>
      <c r="J11" s="95"/>
      <c r="K11" s="95"/>
      <c r="L11" s="95"/>
      <c r="M11" s="95"/>
      <c r="N11" s="95"/>
      <c r="O11" s="10"/>
      <c r="P11" s="10"/>
    </row>
    <row r="12" spans="1:16" ht="22.15" customHeight="1">
      <c r="A12" s="103" t="s">
        <v>96</v>
      </c>
      <c r="B12" s="95"/>
      <c r="C12" s="95"/>
      <c r="D12" s="95"/>
      <c r="E12" s="95"/>
      <c r="F12" s="95"/>
      <c r="G12" s="95"/>
      <c r="H12" s="95"/>
      <c r="I12" s="95"/>
      <c r="J12" s="95"/>
      <c r="K12" s="95"/>
      <c r="L12" s="95"/>
      <c r="M12" s="95"/>
      <c r="N12" s="95"/>
      <c r="O12" s="10"/>
      <c r="P12" s="10"/>
    </row>
    <row r="13" spans="1:16" ht="22.15" customHeight="1">
      <c r="A13" s="102" t="s">
        <v>97</v>
      </c>
      <c r="B13" s="95"/>
      <c r="C13" s="95"/>
      <c r="D13" s="95"/>
      <c r="E13" s="95"/>
      <c r="F13" s="95"/>
      <c r="G13" s="95"/>
      <c r="H13" s="95"/>
      <c r="I13" s="95"/>
      <c r="J13" s="95"/>
      <c r="K13" s="95"/>
      <c r="L13" s="95"/>
      <c r="M13" s="95"/>
      <c r="N13" s="95"/>
      <c r="O13" s="10"/>
      <c r="P13" s="10"/>
    </row>
    <row r="14" spans="1:16" ht="22.15" customHeight="1">
      <c r="A14" s="104" t="s">
        <v>98</v>
      </c>
      <c r="B14" s="95"/>
      <c r="C14" s="95"/>
      <c r="D14" s="95"/>
      <c r="E14" s="95"/>
      <c r="F14" s="95"/>
      <c r="G14" s="95"/>
      <c r="H14" s="95"/>
      <c r="I14" s="95"/>
      <c r="J14" s="95"/>
      <c r="K14" s="95"/>
      <c r="L14" s="95"/>
      <c r="M14" s="95"/>
      <c r="N14" s="95"/>
      <c r="O14" s="10"/>
      <c r="P14" s="10"/>
    </row>
    <row r="15" spans="1:16" ht="22.15" customHeight="1">
      <c r="A15" s="102" t="s">
        <v>99</v>
      </c>
      <c r="B15" s="95"/>
      <c r="C15" s="95"/>
      <c r="D15" s="95"/>
      <c r="E15" s="95"/>
      <c r="F15" s="95"/>
      <c r="G15" s="95"/>
      <c r="H15" s="95"/>
      <c r="I15" s="95"/>
      <c r="J15" s="95"/>
      <c r="K15" s="95"/>
      <c r="L15" s="95"/>
      <c r="M15" s="95"/>
      <c r="N15" s="95"/>
      <c r="O15" s="10"/>
      <c r="P15" s="10"/>
    </row>
    <row r="16" spans="1:16">
      <c r="A16" s="95" t="s">
        <v>2</v>
      </c>
      <c r="B16" s="95"/>
      <c r="C16" s="95"/>
      <c r="D16" s="95"/>
      <c r="E16" s="95"/>
      <c r="F16" s="95"/>
      <c r="G16" s="95"/>
      <c r="H16" s="95"/>
      <c r="I16" s="95"/>
      <c r="J16" s="95"/>
      <c r="K16" s="95"/>
      <c r="L16" s="95"/>
      <c r="M16" s="95"/>
      <c r="N16" s="95"/>
      <c r="O16" s="3"/>
      <c r="P16" s="3"/>
    </row>
    <row r="17" spans="1:20">
      <c r="A17" s="1"/>
      <c r="B17" s="1"/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</row>
    <row r="18" spans="1:20" ht="22.5" customHeight="1">
      <c r="A18" s="104" t="s">
        <v>3</v>
      </c>
      <c r="B18" s="95"/>
      <c r="C18" s="95"/>
      <c r="D18" s="95"/>
      <c r="E18" s="95"/>
      <c r="F18" s="95"/>
      <c r="G18" s="95"/>
      <c r="H18" s="95"/>
      <c r="I18" s="95"/>
      <c r="J18" s="95"/>
      <c r="K18" s="95"/>
      <c r="L18" s="95"/>
      <c r="M18" s="95"/>
      <c r="N18" s="95"/>
      <c r="O18" s="11"/>
      <c r="P18" s="11"/>
    </row>
    <row r="19" spans="1:20" ht="20.100000000000001" customHeight="1">
      <c r="A19" s="105" t="s">
        <v>4</v>
      </c>
      <c r="B19" s="106"/>
      <c r="C19" s="106"/>
      <c r="D19" s="106"/>
      <c r="E19" s="106"/>
      <c r="F19" s="106"/>
      <c r="G19" s="106"/>
      <c r="H19" s="106"/>
      <c r="I19" s="106"/>
      <c r="J19" s="106"/>
      <c r="K19" s="106"/>
      <c r="L19" s="106"/>
      <c r="M19" s="106"/>
      <c r="N19" s="106"/>
      <c r="O19" s="10"/>
      <c r="P19" s="10"/>
    </row>
    <row r="20" spans="1:20" ht="20.100000000000001" customHeight="1">
      <c r="A20" s="105" t="s">
        <v>89</v>
      </c>
      <c r="B20" s="107"/>
      <c r="C20" s="107"/>
      <c r="D20" s="107"/>
      <c r="E20" s="107"/>
      <c r="F20" s="107"/>
      <c r="G20" s="107"/>
      <c r="H20" s="107"/>
      <c r="I20" s="107"/>
      <c r="J20" s="107"/>
      <c r="K20" s="107"/>
      <c r="L20" s="107"/>
      <c r="M20" s="107"/>
      <c r="N20" s="95"/>
      <c r="O20" s="10"/>
      <c r="P20" s="10"/>
    </row>
    <row r="21" spans="1:20" ht="20.100000000000001" customHeight="1">
      <c r="A21" s="108" t="s">
        <v>90</v>
      </c>
      <c r="B21" s="107"/>
      <c r="C21" s="107"/>
      <c r="D21" s="107"/>
      <c r="E21" s="107"/>
      <c r="F21" s="107"/>
      <c r="G21" s="107"/>
      <c r="H21" s="107"/>
      <c r="I21" s="107"/>
      <c r="J21" s="107"/>
      <c r="K21" s="107"/>
      <c r="L21" s="107"/>
      <c r="M21" s="107"/>
      <c r="N21" s="94"/>
      <c r="O21" s="10"/>
      <c r="P21" s="10"/>
    </row>
    <row r="22" spans="1:20" ht="20.100000000000001" customHeight="1">
      <c r="A22" s="108" t="s">
        <v>91</v>
      </c>
      <c r="B22" s="107"/>
      <c r="C22" s="107"/>
      <c r="D22" s="107"/>
      <c r="E22" s="107"/>
      <c r="F22" s="107"/>
      <c r="G22" s="107"/>
      <c r="H22" s="107"/>
      <c r="I22" s="107"/>
      <c r="J22" s="107"/>
      <c r="K22" s="107"/>
      <c r="L22" s="107"/>
      <c r="M22" s="107"/>
      <c r="N22" s="94"/>
      <c r="O22" s="10"/>
      <c r="P22" s="10"/>
    </row>
    <row r="23" spans="1:20" ht="20.100000000000001" customHeight="1">
      <c r="A23" s="105" t="s">
        <v>5</v>
      </c>
      <c r="B23" s="105"/>
      <c r="C23" s="105"/>
      <c r="D23" s="105"/>
      <c r="E23" s="105"/>
      <c r="F23" s="105"/>
      <c r="G23" s="105"/>
      <c r="H23" s="105"/>
      <c r="I23" s="105"/>
      <c r="J23" s="105"/>
      <c r="K23" s="105"/>
      <c r="L23" s="105"/>
      <c r="M23" s="105"/>
      <c r="N23" s="94"/>
      <c r="O23" s="10"/>
      <c r="P23" s="10"/>
    </row>
    <row r="24" spans="1:20" ht="18" customHeight="1">
      <c r="A24" s="105" t="s">
        <v>84</v>
      </c>
      <c r="B24" s="106"/>
      <c r="C24" s="106"/>
      <c r="D24" s="106"/>
      <c r="E24" s="106"/>
      <c r="F24" s="106"/>
      <c r="G24" s="106"/>
      <c r="H24" s="106"/>
      <c r="I24" s="106"/>
      <c r="J24" s="106"/>
      <c r="K24" s="106"/>
      <c r="L24" s="106"/>
      <c r="M24" s="106"/>
      <c r="N24" s="106"/>
      <c r="O24" s="10"/>
      <c r="P24" s="10"/>
    </row>
    <row r="25" spans="1:20" ht="18" customHeight="1">
      <c r="A25" s="91"/>
      <c r="B25" s="92"/>
      <c r="C25" s="92"/>
      <c r="D25" s="92"/>
      <c r="E25" s="92"/>
      <c r="F25" s="92"/>
      <c r="G25" s="92"/>
      <c r="H25" s="92"/>
      <c r="I25" s="92"/>
      <c r="J25" s="92"/>
      <c r="K25" s="92"/>
      <c r="L25" s="92"/>
      <c r="M25" s="92"/>
      <c r="N25" s="92"/>
      <c r="O25" s="10"/>
      <c r="P25" s="10"/>
    </row>
    <row r="26" spans="1:20">
      <c r="A26" s="12"/>
      <c r="B26" s="12"/>
      <c r="C26" s="12"/>
      <c r="D26" s="12"/>
      <c r="E26" s="12"/>
      <c r="F26" s="12"/>
      <c r="G26" s="12"/>
      <c r="H26" s="12"/>
      <c r="I26" s="12"/>
      <c r="J26" s="12"/>
      <c r="K26" s="12"/>
      <c r="L26" s="12"/>
      <c r="M26" s="12"/>
      <c r="N26" s="12"/>
      <c r="O26" s="13"/>
      <c r="P26" s="13"/>
    </row>
    <row r="27" spans="1:20" ht="20.100000000000001" customHeight="1">
      <c r="A27" s="109" t="s">
        <v>6</v>
      </c>
      <c r="B27" s="95"/>
      <c r="C27" s="95"/>
      <c r="D27" s="95"/>
      <c r="E27" s="95"/>
      <c r="F27" s="95"/>
      <c r="G27" s="95"/>
      <c r="H27" s="95"/>
      <c r="I27" s="95"/>
      <c r="J27" s="95"/>
      <c r="K27" s="95"/>
      <c r="L27" s="95"/>
      <c r="M27" s="95"/>
      <c r="N27" s="95"/>
      <c r="O27" s="14"/>
      <c r="P27" s="14"/>
    </row>
    <row r="28" spans="1:20" ht="20.100000000000001" customHeight="1">
      <c r="A28" s="104" t="s">
        <v>88</v>
      </c>
      <c r="B28" s="104"/>
      <c r="C28" s="104"/>
      <c r="D28" s="104"/>
      <c r="E28" s="104"/>
      <c r="F28" s="104"/>
      <c r="G28" s="104"/>
      <c r="H28" s="104"/>
      <c r="I28" s="104"/>
      <c r="J28" s="104"/>
      <c r="K28" s="104"/>
      <c r="L28" s="104"/>
      <c r="M28" s="104"/>
      <c r="N28" s="95"/>
      <c r="O28" s="10"/>
      <c r="P28" s="10"/>
      <c r="Q28" s="1"/>
      <c r="R28" s="1"/>
      <c r="S28" s="1"/>
      <c r="T28" s="1"/>
    </row>
    <row r="29" spans="1:20">
      <c r="A29" s="9"/>
      <c r="B29" s="9"/>
      <c r="C29" s="9"/>
      <c r="D29" s="9"/>
      <c r="E29" s="9"/>
      <c r="F29" s="9"/>
      <c r="G29" s="9"/>
      <c r="H29" s="9"/>
      <c r="I29" s="9"/>
      <c r="J29" s="9"/>
      <c r="K29" s="9"/>
      <c r="L29" s="9"/>
      <c r="M29" s="9"/>
      <c r="N29" s="9"/>
      <c r="O29" s="1"/>
      <c r="P29" s="1"/>
      <c r="Q29" s="1"/>
      <c r="R29" s="1"/>
      <c r="S29" s="1"/>
      <c r="T29" s="1"/>
    </row>
    <row r="30" spans="1:20" ht="36" customHeight="1">
      <c r="A30" s="1"/>
      <c r="B30" s="15" t="s">
        <v>7</v>
      </c>
      <c r="C30" s="16" t="s">
        <v>8</v>
      </c>
      <c r="D30" s="17" t="s">
        <v>9</v>
      </c>
      <c r="E30" s="15" t="s">
        <v>10</v>
      </c>
      <c r="F30" s="15" t="s">
        <v>11</v>
      </c>
      <c r="G30" s="15" t="s">
        <v>12</v>
      </c>
      <c r="H30" s="15" t="s">
        <v>13</v>
      </c>
      <c r="I30" s="15" t="s">
        <v>14</v>
      </c>
      <c r="J30" s="15" t="s">
        <v>15</v>
      </c>
      <c r="K30" s="15" t="s">
        <v>16</v>
      </c>
      <c r="L30" s="15" t="s">
        <v>17</v>
      </c>
      <c r="M30" s="15" t="s">
        <v>18</v>
      </c>
      <c r="N30" s="1"/>
      <c r="O30" s="1"/>
      <c r="P30" s="1"/>
      <c r="Q30" s="1"/>
      <c r="R30" s="1"/>
      <c r="S30" s="1"/>
      <c r="T30" s="1"/>
    </row>
    <row r="31" spans="1:20" ht="23.1" customHeight="1">
      <c r="A31" s="1"/>
      <c r="B31" s="18" t="s">
        <v>19</v>
      </c>
      <c r="C31" s="19">
        <f>中分類指数!C6</f>
        <v>100.9</v>
      </c>
      <c r="D31" s="20">
        <f>中分類指数!C7</f>
        <v>102.3</v>
      </c>
      <c r="E31" s="21">
        <f>中分類指数!C20</f>
        <v>99.4</v>
      </c>
      <c r="F31" s="22">
        <f>中分類指数!C23</f>
        <v>115</v>
      </c>
      <c r="G31" s="22">
        <f>中分類指数!C28</f>
        <v>104.7</v>
      </c>
      <c r="H31" s="22">
        <f>中分類指数!C35</f>
        <v>102.1</v>
      </c>
      <c r="I31" s="22">
        <f>中分類指数!C41</f>
        <v>99.5</v>
      </c>
      <c r="J31" s="22">
        <f>中分類指数!C45</f>
        <v>90.9</v>
      </c>
      <c r="K31" s="22">
        <f>中分類指数!I6</f>
        <v>100.5</v>
      </c>
      <c r="L31" s="22">
        <f>中分類指数!I10</f>
        <v>103.3</v>
      </c>
      <c r="M31" s="23">
        <f>中分類指数!I15</f>
        <v>102.2</v>
      </c>
      <c r="N31" s="1"/>
    </row>
    <row r="32" spans="1:20" ht="22.5" customHeight="1">
      <c r="A32" s="1"/>
      <c r="B32" s="24" t="s">
        <v>20</v>
      </c>
      <c r="C32" s="19">
        <f>中分類指数!D6</f>
        <v>0.5</v>
      </c>
      <c r="D32" s="20">
        <f>中分類指数!D7</f>
        <v>0.7</v>
      </c>
      <c r="E32" s="25">
        <f>中分類指数!D20</f>
        <v>0</v>
      </c>
      <c r="F32" s="21">
        <f>中分類指数!D23</f>
        <v>1.2</v>
      </c>
      <c r="G32" s="21">
        <f>中分類指数!D28</f>
        <v>2.6</v>
      </c>
      <c r="H32" s="21">
        <f>中分類指数!D35</f>
        <v>1.6</v>
      </c>
      <c r="I32" s="21">
        <f>中分類指数!D41</f>
        <v>-0.2</v>
      </c>
      <c r="J32" s="21">
        <f>中分類指数!D45</f>
        <v>-0.3</v>
      </c>
      <c r="K32" s="21">
        <f>中分類指数!J6</f>
        <v>0.7</v>
      </c>
      <c r="L32" s="21">
        <f>中分類指数!J10</f>
        <v>1.1000000000000001</v>
      </c>
      <c r="M32" s="26">
        <f>中分類指数!J15</f>
        <v>0.3</v>
      </c>
      <c r="N32" s="1"/>
    </row>
    <row r="33" spans="1:14" ht="26.25" customHeight="1">
      <c r="A33" s="1"/>
      <c r="B33" s="24" t="s">
        <v>85</v>
      </c>
      <c r="C33" s="19">
        <f>中分類指数!E6</f>
        <v>2.1</v>
      </c>
      <c r="D33" s="20">
        <f>中分類指数!E7</f>
        <v>3.7</v>
      </c>
      <c r="E33" s="22">
        <f>中分類指数!E20</f>
        <v>0</v>
      </c>
      <c r="F33" s="22">
        <f>中分類指数!E23</f>
        <v>19.100000000000001</v>
      </c>
      <c r="G33" s="22">
        <f>中分類指数!E28</f>
        <v>1.4</v>
      </c>
      <c r="H33" s="22">
        <f>中分類指数!E35</f>
        <v>-0.3</v>
      </c>
      <c r="I33" s="21">
        <f>中分類指数!E41</f>
        <v>-0.7</v>
      </c>
      <c r="J33" s="22">
        <f>中分類指数!E45</f>
        <v>-1.7</v>
      </c>
      <c r="K33" s="22">
        <f>中分類指数!K6</f>
        <v>0.9</v>
      </c>
      <c r="L33" s="21">
        <f>中分類指数!K10</f>
        <v>1</v>
      </c>
      <c r="M33" s="23">
        <f>中分類指数!K15</f>
        <v>1.4</v>
      </c>
      <c r="N33" s="1"/>
    </row>
    <row r="34" spans="1:14">
      <c r="A34" s="1"/>
      <c r="B34" s="1"/>
      <c r="C34" s="1"/>
      <c r="D34" s="1"/>
      <c r="E34" s="1"/>
      <c r="F34" s="1"/>
      <c r="G34" s="1"/>
      <c r="H34" s="1"/>
      <c r="I34" s="1"/>
      <c r="J34" s="1"/>
      <c r="K34" s="1"/>
      <c r="L34" s="1"/>
      <c r="M34" s="1"/>
      <c r="N34" s="1"/>
    </row>
    <row r="35" spans="1:14">
      <c r="A35" s="1"/>
      <c r="B35" s="1"/>
      <c r="C35" s="1"/>
      <c r="D35" s="1"/>
      <c r="E35" s="1"/>
      <c r="F35" s="1"/>
      <c r="G35" s="1"/>
      <c r="H35" s="1"/>
      <c r="I35" s="1"/>
      <c r="J35" s="1"/>
      <c r="K35" s="1"/>
      <c r="L35" s="1"/>
      <c r="M35" s="1"/>
      <c r="N35" s="1"/>
    </row>
    <row r="36" spans="1:14">
      <c r="A36" s="1"/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</row>
    <row r="37" spans="1:14">
      <c r="A37" s="1"/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</row>
    <row r="38" spans="1:14">
      <c r="A38" s="1"/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</row>
    <row r="39" spans="1:14">
      <c r="A39" s="1"/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</row>
    <row r="40" spans="1:14">
      <c r="A40" s="1"/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</row>
    <row r="41" spans="1:14">
      <c r="A41" s="1"/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</row>
    <row r="42" spans="1:14">
      <c r="A42" s="1"/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</row>
    <row r="43" spans="1:14">
      <c r="A43" s="1"/>
      <c r="B43" s="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</row>
    <row r="44" spans="1:14">
      <c r="A44" s="1"/>
      <c r="B44" s="1"/>
      <c r="C44" s="1"/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</row>
    <row r="45" spans="1:14">
      <c r="A45" s="1"/>
      <c r="B45" s="1"/>
      <c r="C45" s="1"/>
      <c r="D45" s="1"/>
      <c r="E45" s="1"/>
      <c r="F45" s="1"/>
      <c r="G45" s="1"/>
      <c r="H45" s="1"/>
      <c r="I45" s="1"/>
      <c r="J45" s="1"/>
      <c r="K45" s="1"/>
      <c r="L45" s="1"/>
      <c r="M45" s="1"/>
      <c r="N45" s="1"/>
    </row>
    <row r="46" spans="1:14">
      <c r="A46" s="1"/>
      <c r="B46" s="1"/>
      <c r="C46" s="1"/>
      <c r="D46" s="1"/>
      <c r="E46" s="1"/>
      <c r="F46" s="1"/>
      <c r="G46" s="1"/>
      <c r="H46" s="1"/>
      <c r="I46" s="1"/>
      <c r="J46" s="1"/>
      <c r="K46" s="1"/>
      <c r="L46" s="1"/>
      <c r="M46" s="1"/>
      <c r="N46" s="1"/>
    </row>
    <row r="47" spans="1:14">
      <c r="A47" s="1"/>
      <c r="B47" s="1"/>
      <c r="C47" s="1"/>
      <c r="D47" s="1"/>
      <c r="E47" s="1"/>
      <c r="F47" s="1"/>
      <c r="G47" s="1"/>
      <c r="H47" s="1"/>
      <c r="I47" s="1"/>
      <c r="J47" s="1"/>
      <c r="K47" s="1"/>
      <c r="L47" s="1"/>
      <c r="M47" s="1"/>
      <c r="N47" s="1"/>
    </row>
    <row r="48" spans="1:14">
      <c r="A48" s="1"/>
      <c r="B48" s="1"/>
      <c r="C48" s="1"/>
      <c r="D48" s="1"/>
      <c r="E48" s="1"/>
      <c r="F48" s="1"/>
      <c r="G48" s="1"/>
      <c r="H48" s="1"/>
      <c r="I48" s="1"/>
      <c r="J48" s="1"/>
      <c r="K48" s="1"/>
      <c r="L48" s="1"/>
      <c r="M48" s="1"/>
      <c r="N48" s="1"/>
    </row>
    <row r="49" spans="1:14">
      <c r="A49" s="1"/>
      <c r="B49" s="1"/>
      <c r="C49" s="1"/>
      <c r="D49" s="1"/>
      <c r="E49" s="1"/>
      <c r="F49" s="1"/>
      <c r="G49" s="1"/>
      <c r="H49" s="1"/>
      <c r="I49" s="1"/>
      <c r="J49" s="1"/>
      <c r="K49" s="1"/>
      <c r="L49" s="1"/>
      <c r="M49" s="1"/>
      <c r="N49" s="1"/>
    </row>
    <row r="50" spans="1:14">
      <c r="A50" s="1"/>
      <c r="B50" s="1"/>
      <c r="C50" s="1"/>
      <c r="D50" s="1"/>
      <c r="E50" s="1"/>
      <c r="F50" s="1"/>
      <c r="G50" s="1"/>
      <c r="H50" s="1"/>
      <c r="I50" s="1"/>
      <c r="J50" s="1"/>
      <c r="K50" s="1"/>
      <c r="L50" s="1"/>
      <c r="M50" s="1"/>
      <c r="N50" s="1"/>
    </row>
    <row r="51" spans="1:14">
      <c r="A51" s="1"/>
      <c r="B51" s="1"/>
      <c r="C51" s="1"/>
      <c r="D51" s="1"/>
      <c r="E51" s="1"/>
      <c r="F51" s="1"/>
      <c r="G51" s="1"/>
      <c r="H51" s="1"/>
      <c r="I51" s="1"/>
      <c r="J51" s="1"/>
      <c r="K51" s="1"/>
      <c r="L51" s="1"/>
      <c r="M51" s="1"/>
      <c r="N51" s="1"/>
    </row>
    <row r="67" ht="12.75" customHeight="1"/>
    <row r="68" ht="12.75" customHeight="1"/>
    <row r="69" ht="12.75" customHeight="1"/>
    <row r="70" ht="12.75" customHeight="1"/>
    <row r="71" ht="12.75" customHeight="1"/>
    <row r="72" ht="12.75" customHeight="1"/>
    <row r="73" ht="12.75" customHeight="1"/>
    <row r="74" ht="12.75" customHeight="1"/>
    <row r="75" ht="12.75" customHeight="1"/>
    <row r="76" ht="12.75" customHeight="1"/>
    <row r="77" ht="12.75" customHeight="1"/>
    <row r="78" ht="12.75" customHeight="1"/>
    <row r="79" ht="12.75" customHeight="1"/>
    <row r="80" ht="12.75" customHeight="1"/>
    <row r="81" ht="12.75" customHeight="1"/>
    <row r="82" ht="12.75" customHeight="1"/>
    <row r="83" ht="12.75" customHeight="1"/>
    <row r="84" ht="12.75" customHeight="1"/>
    <row r="85" ht="12.75" customHeight="1"/>
    <row r="86" ht="12.75" customHeight="1"/>
    <row r="87" ht="12.75" customHeight="1"/>
    <row r="88" ht="12.75" customHeight="1"/>
    <row r="89" ht="12.75" customHeight="1"/>
    <row r="90" ht="12.75" customHeight="1"/>
    <row r="91" ht="12.75" customHeight="1"/>
    <row r="92" ht="12.75" customHeight="1"/>
    <row r="93" ht="12.75" customHeight="1"/>
    <row r="94" ht="12.75" customHeight="1"/>
    <row r="95" ht="12.75" customHeight="1"/>
    <row r="96" ht="12.75" customHeight="1"/>
    <row r="97" ht="12.75" customHeight="1"/>
    <row r="98" ht="12.75" customHeight="1"/>
    <row r="99" ht="12.75" customHeight="1"/>
    <row r="100" ht="12.75" customHeight="1"/>
    <row r="101" ht="12.75" customHeight="1"/>
    <row r="102" ht="12.75" customHeight="1"/>
    <row r="103" ht="12.75" customHeight="1"/>
    <row r="104" ht="12.75" customHeight="1"/>
    <row r="105" ht="12.75" customHeight="1"/>
    <row r="106" ht="12.75" customHeight="1"/>
    <row r="107" ht="12.75" customHeight="1"/>
    <row r="108" ht="12.75" customHeight="1"/>
    <row r="109" ht="12.75" customHeight="1"/>
    <row r="110" ht="12.75" customHeight="1"/>
    <row r="111" ht="12.75" customHeight="1"/>
    <row r="112" ht="12.75" customHeight="1"/>
    <row r="113" ht="12.75" customHeight="1"/>
    <row r="114" ht="12.75" customHeight="1"/>
    <row r="115" ht="12.75" customHeight="1"/>
    <row r="116" ht="12.75" customHeight="1"/>
    <row r="117" ht="12.75" customHeight="1"/>
    <row r="118" ht="12.75" customHeight="1"/>
    <row r="119" ht="12.75" customHeight="1"/>
    <row r="120" ht="12.75" customHeight="1"/>
    <row r="121" ht="12.75" customHeight="1"/>
    <row r="122" ht="12.75" customHeight="1"/>
    <row r="123" ht="12.75" customHeight="1"/>
    <row r="124" ht="12.75" customHeight="1"/>
  </sheetData>
  <mergeCells count="21">
    <mergeCell ref="A28:N28"/>
    <mergeCell ref="A18:N18"/>
    <mergeCell ref="A19:N19"/>
    <mergeCell ref="A20:N20"/>
    <mergeCell ref="A22:M22"/>
    <mergeCell ref="A23:M23"/>
    <mergeCell ref="A27:N27"/>
    <mergeCell ref="A24:N24"/>
    <mergeCell ref="A21:M21"/>
    <mergeCell ref="A16:N16"/>
    <mergeCell ref="A2:J2"/>
    <mergeCell ref="L2:N2"/>
    <mergeCell ref="A4:M4"/>
    <mergeCell ref="A6:M6"/>
    <mergeCell ref="A9:N9"/>
    <mergeCell ref="A10:N10"/>
    <mergeCell ref="A11:N11"/>
    <mergeCell ref="A12:N12"/>
    <mergeCell ref="A13:N13"/>
    <mergeCell ref="A14:N14"/>
    <mergeCell ref="A15:N15"/>
  </mergeCells>
  <phoneticPr fontId="2"/>
  <pageMargins left="0.44" right="0.28000000000000003" top="0.74" bottom="0.23622047244094491" header="0.2" footer="0.19685039370078741"/>
  <pageSetup paperSize="9" scale="94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8"/>
  <sheetViews>
    <sheetView zoomScaleNormal="100" workbookViewId="0">
      <selection sqref="A1:H1"/>
    </sheetView>
  </sheetViews>
  <sheetFormatPr defaultRowHeight="12"/>
  <cols>
    <col min="1" max="1" width="2.5" style="27" customWidth="1"/>
    <col min="2" max="2" width="16.625" style="27" customWidth="1"/>
    <col min="3" max="5" width="9.625" style="28" customWidth="1"/>
    <col min="6" max="6" width="2.25" style="27" customWidth="1"/>
    <col min="7" max="7" width="2.5" style="27" customWidth="1"/>
    <col min="8" max="8" width="16.5" style="27" customWidth="1"/>
    <col min="9" max="11" width="9.625" style="28" customWidth="1"/>
    <col min="12" max="12" width="9" style="27"/>
    <col min="13" max="13" width="2.25" style="27" customWidth="1"/>
    <col min="14" max="180" width="9" style="27"/>
    <col min="181" max="181" width="5.25" style="27" customWidth="1"/>
    <col min="182" max="182" width="16.75" style="27" customWidth="1"/>
    <col min="183" max="185" width="6.25" style="27" customWidth="1"/>
    <col min="186" max="186" width="2.25" style="27" customWidth="1"/>
    <col min="187" max="187" width="5.25" style="27" customWidth="1"/>
    <col min="188" max="188" width="16.75" style="27" customWidth="1"/>
    <col min="189" max="191" width="6.25" style="27" customWidth="1"/>
    <col min="192" max="436" width="9" style="27"/>
    <col min="437" max="437" width="5.25" style="27" customWidth="1"/>
    <col min="438" max="438" width="16.75" style="27" customWidth="1"/>
    <col min="439" max="441" width="6.25" style="27" customWidth="1"/>
    <col min="442" max="442" width="2.25" style="27" customWidth="1"/>
    <col min="443" max="443" width="5.25" style="27" customWidth="1"/>
    <col min="444" max="444" width="16.75" style="27" customWidth="1"/>
    <col min="445" max="447" width="6.25" style="27" customWidth="1"/>
    <col min="448" max="692" width="9" style="27"/>
    <col min="693" max="693" width="5.25" style="27" customWidth="1"/>
    <col min="694" max="694" width="16.75" style="27" customWidth="1"/>
    <col min="695" max="697" width="6.25" style="27" customWidth="1"/>
    <col min="698" max="698" width="2.25" style="27" customWidth="1"/>
    <col min="699" max="699" width="5.25" style="27" customWidth="1"/>
    <col min="700" max="700" width="16.75" style="27" customWidth="1"/>
    <col min="701" max="703" width="6.25" style="27" customWidth="1"/>
    <col min="704" max="948" width="9" style="27"/>
    <col min="949" max="949" width="5.25" style="27" customWidth="1"/>
    <col min="950" max="950" width="16.75" style="27" customWidth="1"/>
    <col min="951" max="953" width="6.25" style="27" customWidth="1"/>
    <col min="954" max="954" width="2.25" style="27" customWidth="1"/>
    <col min="955" max="955" width="5.25" style="27" customWidth="1"/>
    <col min="956" max="956" width="16.75" style="27" customWidth="1"/>
    <col min="957" max="959" width="6.25" style="27" customWidth="1"/>
    <col min="960" max="1204" width="9" style="27"/>
    <col min="1205" max="1205" width="5.25" style="27" customWidth="1"/>
    <col min="1206" max="1206" width="16.75" style="27" customWidth="1"/>
    <col min="1207" max="1209" width="6.25" style="27" customWidth="1"/>
    <col min="1210" max="1210" width="2.25" style="27" customWidth="1"/>
    <col min="1211" max="1211" width="5.25" style="27" customWidth="1"/>
    <col min="1212" max="1212" width="16.75" style="27" customWidth="1"/>
    <col min="1213" max="1215" width="6.25" style="27" customWidth="1"/>
    <col min="1216" max="1460" width="9" style="27"/>
    <col min="1461" max="1461" width="5.25" style="27" customWidth="1"/>
    <col min="1462" max="1462" width="16.75" style="27" customWidth="1"/>
    <col min="1463" max="1465" width="6.25" style="27" customWidth="1"/>
    <col min="1466" max="1466" width="2.25" style="27" customWidth="1"/>
    <col min="1467" max="1467" width="5.25" style="27" customWidth="1"/>
    <col min="1468" max="1468" width="16.75" style="27" customWidth="1"/>
    <col min="1469" max="1471" width="6.25" style="27" customWidth="1"/>
    <col min="1472" max="1716" width="9" style="27"/>
    <col min="1717" max="1717" width="5.25" style="27" customWidth="1"/>
    <col min="1718" max="1718" width="16.75" style="27" customWidth="1"/>
    <col min="1719" max="1721" width="6.25" style="27" customWidth="1"/>
    <col min="1722" max="1722" width="2.25" style="27" customWidth="1"/>
    <col min="1723" max="1723" width="5.25" style="27" customWidth="1"/>
    <col min="1724" max="1724" width="16.75" style="27" customWidth="1"/>
    <col min="1725" max="1727" width="6.25" style="27" customWidth="1"/>
    <col min="1728" max="1972" width="9" style="27"/>
    <col min="1973" max="1973" width="5.25" style="27" customWidth="1"/>
    <col min="1974" max="1974" width="16.75" style="27" customWidth="1"/>
    <col min="1975" max="1977" width="6.25" style="27" customWidth="1"/>
    <col min="1978" max="1978" width="2.25" style="27" customWidth="1"/>
    <col min="1979" max="1979" width="5.25" style="27" customWidth="1"/>
    <col min="1980" max="1980" width="16.75" style="27" customWidth="1"/>
    <col min="1981" max="1983" width="6.25" style="27" customWidth="1"/>
    <col min="1984" max="2228" width="9" style="27"/>
    <col min="2229" max="2229" width="5.25" style="27" customWidth="1"/>
    <col min="2230" max="2230" width="16.75" style="27" customWidth="1"/>
    <col min="2231" max="2233" width="6.25" style="27" customWidth="1"/>
    <col min="2234" max="2234" width="2.25" style="27" customWidth="1"/>
    <col min="2235" max="2235" width="5.25" style="27" customWidth="1"/>
    <col min="2236" max="2236" width="16.75" style="27" customWidth="1"/>
    <col min="2237" max="2239" width="6.25" style="27" customWidth="1"/>
    <col min="2240" max="2484" width="9" style="27"/>
    <col min="2485" max="2485" width="5.25" style="27" customWidth="1"/>
    <col min="2486" max="2486" width="16.75" style="27" customWidth="1"/>
    <col min="2487" max="2489" width="6.25" style="27" customWidth="1"/>
    <col min="2490" max="2490" width="2.25" style="27" customWidth="1"/>
    <col min="2491" max="2491" width="5.25" style="27" customWidth="1"/>
    <col min="2492" max="2492" width="16.75" style="27" customWidth="1"/>
    <col min="2493" max="2495" width="6.25" style="27" customWidth="1"/>
    <col min="2496" max="2740" width="9" style="27"/>
    <col min="2741" max="2741" width="5.25" style="27" customWidth="1"/>
    <col min="2742" max="2742" width="16.75" style="27" customWidth="1"/>
    <col min="2743" max="2745" width="6.25" style="27" customWidth="1"/>
    <col min="2746" max="2746" width="2.25" style="27" customWidth="1"/>
    <col min="2747" max="2747" width="5.25" style="27" customWidth="1"/>
    <col min="2748" max="2748" width="16.75" style="27" customWidth="1"/>
    <col min="2749" max="2751" width="6.25" style="27" customWidth="1"/>
    <col min="2752" max="2996" width="9" style="27"/>
    <col min="2997" max="2997" width="5.25" style="27" customWidth="1"/>
    <col min="2998" max="2998" width="16.75" style="27" customWidth="1"/>
    <col min="2999" max="3001" width="6.25" style="27" customWidth="1"/>
    <col min="3002" max="3002" width="2.25" style="27" customWidth="1"/>
    <col min="3003" max="3003" width="5.25" style="27" customWidth="1"/>
    <col min="3004" max="3004" width="16.75" style="27" customWidth="1"/>
    <col min="3005" max="3007" width="6.25" style="27" customWidth="1"/>
    <col min="3008" max="3252" width="9" style="27"/>
    <col min="3253" max="3253" width="5.25" style="27" customWidth="1"/>
    <col min="3254" max="3254" width="16.75" style="27" customWidth="1"/>
    <col min="3255" max="3257" width="6.25" style="27" customWidth="1"/>
    <col min="3258" max="3258" width="2.25" style="27" customWidth="1"/>
    <col min="3259" max="3259" width="5.25" style="27" customWidth="1"/>
    <col min="3260" max="3260" width="16.75" style="27" customWidth="1"/>
    <col min="3261" max="3263" width="6.25" style="27" customWidth="1"/>
    <col min="3264" max="3508" width="9" style="27"/>
    <col min="3509" max="3509" width="5.25" style="27" customWidth="1"/>
    <col min="3510" max="3510" width="16.75" style="27" customWidth="1"/>
    <col min="3511" max="3513" width="6.25" style="27" customWidth="1"/>
    <col min="3514" max="3514" width="2.25" style="27" customWidth="1"/>
    <col min="3515" max="3515" width="5.25" style="27" customWidth="1"/>
    <col min="3516" max="3516" width="16.75" style="27" customWidth="1"/>
    <col min="3517" max="3519" width="6.25" style="27" customWidth="1"/>
    <col min="3520" max="3764" width="9" style="27"/>
    <col min="3765" max="3765" width="5.25" style="27" customWidth="1"/>
    <col min="3766" max="3766" width="16.75" style="27" customWidth="1"/>
    <col min="3767" max="3769" width="6.25" style="27" customWidth="1"/>
    <col min="3770" max="3770" width="2.25" style="27" customWidth="1"/>
    <col min="3771" max="3771" width="5.25" style="27" customWidth="1"/>
    <col min="3772" max="3772" width="16.75" style="27" customWidth="1"/>
    <col min="3773" max="3775" width="6.25" style="27" customWidth="1"/>
    <col min="3776" max="4020" width="9" style="27"/>
    <col min="4021" max="4021" width="5.25" style="27" customWidth="1"/>
    <col min="4022" max="4022" width="16.75" style="27" customWidth="1"/>
    <col min="4023" max="4025" width="6.25" style="27" customWidth="1"/>
    <col min="4026" max="4026" width="2.25" style="27" customWidth="1"/>
    <col min="4027" max="4027" width="5.25" style="27" customWidth="1"/>
    <col min="4028" max="4028" width="16.75" style="27" customWidth="1"/>
    <col min="4029" max="4031" width="6.25" style="27" customWidth="1"/>
    <col min="4032" max="4276" width="9" style="27"/>
    <col min="4277" max="4277" width="5.25" style="27" customWidth="1"/>
    <col min="4278" max="4278" width="16.75" style="27" customWidth="1"/>
    <col min="4279" max="4281" width="6.25" style="27" customWidth="1"/>
    <col min="4282" max="4282" width="2.25" style="27" customWidth="1"/>
    <col min="4283" max="4283" width="5.25" style="27" customWidth="1"/>
    <col min="4284" max="4284" width="16.75" style="27" customWidth="1"/>
    <col min="4285" max="4287" width="6.25" style="27" customWidth="1"/>
    <col min="4288" max="4532" width="9" style="27"/>
    <col min="4533" max="4533" width="5.25" style="27" customWidth="1"/>
    <col min="4534" max="4534" width="16.75" style="27" customWidth="1"/>
    <col min="4535" max="4537" width="6.25" style="27" customWidth="1"/>
    <col min="4538" max="4538" width="2.25" style="27" customWidth="1"/>
    <col min="4539" max="4539" width="5.25" style="27" customWidth="1"/>
    <col min="4540" max="4540" width="16.75" style="27" customWidth="1"/>
    <col min="4541" max="4543" width="6.25" style="27" customWidth="1"/>
    <col min="4544" max="4788" width="9" style="27"/>
    <col min="4789" max="4789" width="5.25" style="27" customWidth="1"/>
    <col min="4790" max="4790" width="16.75" style="27" customWidth="1"/>
    <col min="4791" max="4793" width="6.25" style="27" customWidth="1"/>
    <col min="4794" max="4794" width="2.25" style="27" customWidth="1"/>
    <col min="4795" max="4795" width="5.25" style="27" customWidth="1"/>
    <col min="4796" max="4796" width="16.75" style="27" customWidth="1"/>
    <col min="4797" max="4799" width="6.25" style="27" customWidth="1"/>
    <col min="4800" max="5044" width="9" style="27"/>
    <col min="5045" max="5045" width="5.25" style="27" customWidth="1"/>
    <col min="5046" max="5046" width="16.75" style="27" customWidth="1"/>
    <col min="5047" max="5049" width="6.25" style="27" customWidth="1"/>
    <col min="5050" max="5050" width="2.25" style="27" customWidth="1"/>
    <col min="5051" max="5051" width="5.25" style="27" customWidth="1"/>
    <col min="5052" max="5052" width="16.75" style="27" customWidth="1"/>
    <col min="5053" max="5055" width="6.25" style="27" customWidth="1"/>
    <col min="5056" max="5300" width="9" style="27"/>
    <col min="5301" max="5301" width="5.25" style="27" customWidth="1"/>
    <col min="5302" max="5302" width="16.75" style="27" customWidth="1"/>
    <col min="5303" max="5305" width="6.25" style="27" customWidth="1"/>
    <col min="5306" max="5306" width="2.25" style="27" customWidth="1"/>
    <col min="5307" max="5307" width="5.25" style="27" customWidth="1"/>
    <col min="5308" max="5308" width="16.75" style="27" customWidth="1"/>
    <col min="5309" max="5311" width="6.25" style="27" customWidth="1"/>
    <col min="5312" max="5556" width="9" style="27"/>
    <col min="5557" max="5557" width="5.25" style="27" customWidth="1"/>
    <col min="5558" max="5558" width="16.75" style="27" customWidth="1"/>
    <col min="5559" max="5561" width="6.25" style="27" customWidth="1"/>
    <col min="5562" max="5562" width="2.25" style="27" customWidth="1"/>
    <col min="5563" max="5563" width="5.25" style="27" customWidth="1"/>
    <col min="5564" max="5564" width="16.75" style="27" customWidth="1"/>
    <col min="5565" max="5567" width="6.25" style="27" customWidth="1"/>
    <col min="5568" max="5812" width="9" style="27"/>
    <col min="5813" max="5813" width="5.25" style="27" customWidth="1"/>
    <col min="5814" max="5814" width="16.75" style="27" customWidth="1"/>
    <col min="5815" max="5817" width="6.25" style="27" customWidth="1"/>
    <col min="5818" max="5818" width="2.25" style="27" customWidth="1"/>
    <col min="5819" max="5819" width="5.25" style="27" customWidth="1"/>
    <col min="5820" max="5820" width="16.75" style="27" customWidth="1"/>
    <col min="5821" max="5823" width="6.25" style="27" customWidth="1"/>
    <col min="5824" max="6068" width="9" style="27"/>
    <col min="6069" max="6069" width="5.25" style="27" customWidth="1"/>
    <col min="6070" max="6070" width="16.75" style="27" customWidth="1"/>
    <col min="6071" max="6073" width="6.25" style="27" customWidth="1"/>
    <col min="6074" max="6074" width="2.25" style="27" customWidth="1"/>
    <col min="6075" max="6075" width="5.25" style="27" customWidth="1"/>
    <col min="6076" max="6076" width="16.75" style="27" customWidth="1"/>
    <col min="6077" max="6079" width="6.25" style="27" customWidth="1"/>
    <col min="6080" max="6324" width="9" style="27"/>
    <col min="6325" max="6325" width="5.25" style="27" customWidth="1"/>
    <col min="6326" max="6326" width="16.75" style="27" customWidth="1"/>
    <col min="6327" max="6329" width="6.25" style="27" customWidth="1"/>
    <col min="6330" max="6330" width="2.25" style="27" customWidth="1"/>
    <col min="6331" max="6331" width="5.25" style="27" customWidth="1"/>
    <col min="6332" max="6332" width="16.75" style="27" customWidth="1"/>
    <col min="6333" max="6335" width="6.25" style="27" customWidth="1"/>
    <col min="6336" max="6580" width="9" style="27"/>
    <col min="6581" max="6581" width="5.25" style="27" customWidth="1"/>
    <col min="6582" max="6582" width="16.75" style="27" customWidth="1"/>
    <col min="6583" max="6585" width="6.25" style="27" customWidth="1"/>
    <col min="6586" max="6586" width="2.25" style="27" customWidth="1"/>
    <col min="6587" max="6587" width="5.25" style="27" customWidth="1"/>
    <col min="6588" max="6588" width="16.75" style="27" customWidth="1"/>
    <col min="6589" max="6591" width="6.25" style="27" customWidth="1"/>
    <col min="6592" max="6836" width="9" style="27"/>
    <col min="6837" max="6837" width="5.25" style="27" customWidth="1"/>
    <col min="6838" max="6838" width="16.75" style="27" customWidth="1"/>
    <col min="6839" max="6841" width="6.25" style="27" customWidth="1"/>
    <col min="6842" max="6842" width="2.25" style="27" customWidth="1"/>
    <col min="6843" max="6843" width="5.25" style="27" customWidth="1"/>
    <col min="6844" max="6844" width="16.75" style="27" customWidth="1"/>
    <col min="6845" max="6847" width="6.25" style="27" customWidth="1"/>
    <col min="6848" max="7092" width="9" style="27"/>
    <col min="7093" max="7093" width="5.25" style="27" customWidth="1"/>
    <col min="7094" max="7094" width="16.75" style="27" customWidth="1"/>
    <col min="7095" max="7097" width="6.25" style="27" customWidth="1"/>
    <col min="7098" max="7098" width="2.25" style="27" customWidth="1"/>
    <col min="7099" max="7099" width="5.25" style="27" customWidth="1"/>
    <col min="7100" max="7100" width="16.75" style="27" customWidth="1"/>
    <col min="7101" max="7103" width="6.25" style="27" customWidth="1"/>
    <col min="7104" max="7348" width="9" style="27"/>
    <col min="7349" max="7349" width="5.25" style="27" customWidth="1"/>
    <col min="7350" max="7350" width="16.75" style="27" customWidth="1"/>
    <col min="7351" max="7353" width="6.25" style="27" customWidth="1"/>
    <col min="7354" max="7354" width="2.25" style="27" customWidth="1"/>
    <col min="7355" max="7355" width="5.25" style="27" customWidth="1"/>
    <col min="7356" max="7356" width="16.75" style="27" customWidth="1"/>
    <col min="7357" max="7359" width="6.25" style="27" customWidth="1"/>
    <col min="7360" max="7604" width="9" style="27"/>
    <col min="7605" max="7605" width="5.25" style="27" customWidth="1"/>
    <col min="7606" max="7606" width="16.75" style="27" customWidth="1"/>
    <col min="7607" max="7609" width="6.25" style="27" customWidth="1"/>
    <col min="7610" max="7610" width="2.25" style="27" customWidth="1"/>
    <col min="7611" max="7611" width="5.25" style="27" customWidth="1"/>
    <col min="7612" max="7612" width="16.75" style="27" customWidth="1"/>
    <col min="7613" max="7615" width="6.25" style="27" customWidth="1"/>
    <col min="7616" max="7860" width="9" style="27"/>
    <col min="7861" max="7861" width="5.25" style="27" customWidth="1"/>
    <col min="7862" max="7862" width="16.75" style="27" customWidth="1"/>
    <col min="7863" max="7865" width="6.25" style="27" customWidth="1"/>
    <col min="7866" max="7866" width="2.25" style="27" customWidth="1"/>
    <col min="7867" max="7867" width="5.25" style="27" customWidth="1"/>
    <col min="7868" max="7868" width="16.75" style="27" customWidth="1"/>
    <col min="7869" max="7871" width="6.25" style="27" customWidth="1"/>
    <col min="7872" max="8116" width="9" style="27"/>
    <col min="8117" max="8117" width="5.25" style="27" customWidth="1"/>
    <col min="8118" max="8118" width="16.75" style="27" customWidth="1"/>
    <col min="8119" max="8121" width="6.25" style="27" customWidth="1"/>
    <col min="8122" max="8122" width="2.25" style="27" customWidth="1"/>
    <col min="8123" max="8123" width="5.25" style="27" customWidth="1"/>
    <col min="8124" max="8124" width="16.75" style="27" customWidth="1"/>
    <col min="8125" max="8127" width="6.25" style="27" customWidth="1"/>
    <col min="8128" max="8372" width="9" style="27"/>
    <col min="8373" max="8373" width="5.25" style="27" customWidth="1"/>
    <col min="8374" max="8374" width="16.75" style="27" customWidth="1"/>
    <col min="8375" max="8377" width="6.25" style="27" customWidth="1"/>
    <col min="8378" max="8378" width="2.25" style="27" customWidth="1"/>
    <col min="8379" max="8379" width="5.25" style="27" customWidth="1"/>
    <col min="8380" max="8380" width="16.75" style="27" customWidth="1"/>
    <col min="8381" max="8383" width="6.25" style="27" customWidth="1"/>
    <col min="8384" max="8628" width="9" style="27"/>
    <col min="8629" max="8629" width="5.25" style="27" customWidth="1"/>
    <col min="8630" max="8630" width="16.75" style="27" customWidth="1"/>
    <col min="8631" max="8633" width="6.25" style="27" customWidth="1"/>
    <col min="8634" max="8634" width="2.25" style="27" customWidth="1"/>
    <col min="8635" max="8635" width="5.25" style="27" customWidth="1"/>
    <col min="8636" max="8636" width="16.75" style="27" customWidth="1"/>
    <col min="8637" max="8639" width="6.25" style="27" customWidth="1"/>
    <col min="8640" max="8884" width="9" style="27"/>
    <col min="8885" max="8885" width="5.25" style="27" customWidth="1"/>
    <col min="8886" max="8886" width="16.75" style="27" customWidth="1"/>
    <col min="8887" max="8889" width="6.25" style="27" customWidth="1"/>
    <col min="8890" max="8890" width="2.25" style="27" customWidth="1"/>
    <col min="8891" max="8891" width="5.25" style="27" customWidth="1"/>
    <col min="8892" max="8892" width="16.75" style="27" customWidth="1"/>
    <col min="8893" max="8895" width="6.25" style="27" customWidth="1"/>
    <col min="8896" max="9140" width="9" style="27"/>
    <col min="9141" max="9141" width="5.25" style="27" customWidth="1"/>
    <col min="9142" max="9142" width="16.75" style="27" customWidth="1"/>
    <col min="9143" max="9145" width="6.25" style="27" customWidth="1"/>
    <col min="9146" max="9146" width="2.25" style="27" customWidth="1"/>
    <col min="9147" max="9147" width="5.25" style="27" customWidth="1"/>
    <col min="9148" max="9148" width="16.75" style="27" customWidth="1"/>
    <col min="9149" max="9151" width="6.25" style="27" customWidth="1"/>
    <col min="9152" max="9396" width="9" style="27"/>
    <col min="9397" max="9397" width="5.25" style="27" customWidth="1"/>
    <col min="9398" max="9398" width="16.75" style="27" customWidth="1"/>
    <col min="9399" max="9401" width="6.25" style="27" customWidth="1"/>
    <col min="9402" max="9402" width="2.25" style="27" customWidth="1"/>
    <col min="9403" max="9403" width="5.25" style="27" customWidth="1"/>
    <col min="9404" max="9404" width="16.75" style="27" customWidth="1"/>
    <col min="9405" max="9407" width="6.25" style="27" customWidth="1"/>
    <col min="9408" max="9652" width="9" style="27"/>
    <col min="9653" max="9653" width="5.25" style="27" customWidth="1"/>
    <col min="9654" max="9654" width="16.75" style="27" customWidth="1"/>
    <col min="9655" max="9657" width="6.25" style="27" customWidth="1"/>
    <col min="9658" max="9658" width="2.25" style="27" customWidth="1"/>
    <col min="9659" max="9659" width="5.25" style="27" customWidth="1"/>
    <col min="9660" max="9660" width="16.75" style="27" customWidth="1"/>
    <col min="9661" max="9663" width="6.25" style="27" customWidth="1"/>
    <col min="9664" max="9908" width="9" style="27"/>
    <col min="9909" max="9909" width="5.25" style="27" customWidth="1"/>
    <col min="9910" max="9910" width="16.75" style="27" customWidth="1"/>
    <col min="9911" max="9913" width="6.25" style="27" customWidth="1"/>
    <col min="9914" max="9914" width="2.25" style="27" customWidth="1"/>
    <col min="9915" max="9915" width="5.25" style="27" customWidth="1"/>
    <col min="9916" max="9916" width="16.75" style="27" customWidth="1"/>
    <col min="9917" max="9919" width="6.25" style="27" customWidth="1"/>
    <col min="9920" max="10164" width="9" style="27"/>
    <col min="10165" max="10165" width="5.25" style="27" customWidth="1"/>
    <col min="10166" max="10166" width="16.75" style="27" customWidth="1"/>
    <col min="10167" max="10169" width="6.25" style="27" customWidth="1"/>
    <col min="10170" max="10170" width="2.25" style="27" customWidth="1"/>
    <col min="10171" max="10171" width="5.25" style="27" customWidth="1"/>
    <col min="10172" max="10172" width="16.75" style="27" customWidth="1"/>
    <col min="10173" max="10175" width="6.25" style="27" customWidth="1"/>
    <col min="10176" max="10420" width="9" style="27"/>
    <col min="10421" max="10421" width="5.25" style="27" customWidth="1"/>
    <col min="10422" max="10422" width="16.75" style="27" customWidth="1"/>
    <col min="10423" max="10425" width="6.25" style="27" customWidth="1"/>
    <col min="10426" max="10426" width="2.25" style="27" customWidth="1"/>
    <col min="10427" max="10427" width="5.25" style="27" customWidth="1"/>
    <col min="10428" max="10428" width="16.75" style="27" customWidth="1"/>
    <col min="10429" max="10431" width="6.25" style="27" customWidth="1"/>
    <col min="10432" max="10676" width="9" style="27"/>
    <col min="10677" max="10677" width="5.25" style="27" customWidth="1"/>
    <col min="10678" max="10678" width="16.75" style="27" customWidth="1"/>
    <col min="10679" max="10681" width="6.25" style="27" customWidth="1"/>
    <col min="10682" max="10682" width="2.25" style="27" customWidth="1"/>
    <col min="10683" max="10683" width="5.25" style="27" customWidth="1"/>
    <col min="10684" max="10684" width="16.75" style="27" customWidth="1"/>
    <col min="10685" max="10687" width="6.25" style="27" customWidth="1"/>
    <col min="10688" max="10932" width="9" style="27"/>
    <col min="10933" max="10933" width="5.25" style="27" customWidth="1"/>
    <col min="10934" max="10934" width="16.75" style="27" customWidth="1"/>
    <col min="10935" max="10937" width="6.25" style="27" customWidth="1"/>
    <col min="10938" max="10938" width="2.25" style="27" customWidth="1"/>
    <col min="10939" max="10939" width="5.25" style="27" customWidth="1"/>
    <col min="10940" max="10940" width="16.75" style="27" customWidth="1"/>
    <col min="10941" max="10943" width="6.25" style="27" customWidth="1"/>
    <col min="10944" max="11188" width="9" style="27"/>
    <col min="11189" max="11189" width="5.25" style="27" customWidth="1"/>
    <col min="11190" max="11190" width="16.75" style="27" customWidth="1"/>
    <col min="11191" max="11193" width="6.25" style="27" customWidth="1"/>
    <col min="11194" max="11194" width="2.25" style="27" customWidth="1"/>
    <col min="11195" max="11195" width="5.25" style="27" customWidth="1"/>
    <col min="11196" max="11196" width="16.75" style="27" customWidth="1"/>
    <col min="11197" max="11199" width="6.25" style="27" customWidth="1"/>
    <col min="11200" max="11444" width="9" style="27"/>
    <col min="11445" max="11445" width="5.25" style="27" customWidth="1"/>
    <col min="11446" max="11446" width="16.75" style="27" customWidth="1"/>
    <col min="11447" max="11449" width="6.25" style="27" customWidth="1"/>
    <col min="11450" max="11450" width="2.25" style="27" customWidth="1"/>
    <col min="11451" max="11451" width="5.25" style="27" customWidth="1"/>
    <col min="11452" max="11452" width="16.75" style="27" customWidth="1"/>
    <col min="11453" max="11455" width="6.25" style="27" customWidth="1"/>
    <col min="11456" max="14671" width="9" style="27"/>
    <col min="14672" max="16384" width="9" style="27" customWidth="1"/>
  </cols>
  <sheetData>
    <row r="1" spans="1:12" ht="21.75" customHeight="1">
      <c r="A1" s="114" t="s">
        <v>21</v>
      </c>
      <c r="B1" s="115"/>
      <c r="C1" s="115"/>
      <c r="D1" s="115"/>
      <c r="E1" s="115"/>
      <c r="F1" s="115"/>
      <c r="G1" s="115"/>
      <c r="H1" s="115"/>
      <c r="I1" s="117" t="s">
        <v>92</v>
      </c>
      <c r="J1" s="117"/>
      <c r="K1" s="117"/>
      <c r="L1" s="93"/>
    </row>
    <row r="2" spans="1:12" ht="15.75" customHeight="1">
      <c r="A2" s="116"/>
      <c r="B2" s="116"/>
      <c r="C2" s="116"/>
      <c r="D2" s="116"/>
      <c r="E2" s="116"/>
      <c r="F2" s="116"/>
      <c r="G2" s="116"/>
      <c r="H2" s="116"/>
      <c r="I2" s="116"/>
      <c r="J2" s="116"/>
      <c r="K2" s="116"/>
    </row>
    <row r="3" spans="1:12" ht="15.75" customHeight="1">
      <c r="A3" s="110" t="s">
        <v>22</v>
      </c>
      <c r="B3" s="111"/>
      <c r="G3" s="29"/>
      <c r="H3" s="30"/>
      <c r="I3" s="31"/>
      <c r="J3" s="31"/>
      <c r="K3" s="31"/>
    </row>
    <row r="4" spans="1:12" ht="15.75" customHeight="1">
      <c r="A4" s="32"/>
      <c r="B4" s="33"/>
      <c r="G4" s="29"/>
      <c r="H4" s="34"/>
      <c r="I4" s="31"/>
      <c r="J4" s="31"/>
      <c r="K4" s="31"/>
    </row>
    <row r="5" spans="1:12" ht="42.75" customHeight="1">
      <c r="A5" s="112" t="s">
        <v>23</v>
      </c>
      <c r="B5" s="113"/>
      <c r="C5" s="35" t="s">
        <v>24</v>
      </c>
      <c r="D5" s="36" t="s">
        <v>25</v>
      </c>
      <c r="E5" s="37" t="s">
        <v>26</v>
      </c>
      <c r="G5" s="112" t="s">
        <v>23</v>
      </c>
      <c r="H5" s="113"/>
      <c r="I5" s="35" t="s">
        <v>24</v>
      </c>
      <c r="J5" s="36" t="s">
        <v>25</v>
      </c>
      <c r="K5" s="37" t="s">
        <v>26</v>
      </c>
    </row>
    <row r="6" spans="1:12" ht="16.149999999999999" customHeight="1">
      <c r="A6" s="38" t="s">
        <v>27</v>
      </c>
      <c r="B6" s="39"/>
      <c r="C6" s="40">
        <v>100.9</v>
      </c>
      <c r="D6" s="40">
        <v>0.5</v>
      </c>
      <c r="E6" s="41">
        <v>2.1</v>
      </c>
      <c r="G6" s="42" t="s">
        <v>28</v>
      </c>
      <c r="H6" s="43"/>
      <c r="I6" s="44">
        <v>100.5</v>
      </c>
      <c r="J6" s="45">
        <v>0.7</v>
      </c>
      <c r="K6" s="46">
        <v>0.9</v>
      </c>
    </row>
    <row r="7" spans="1:12" ht="16.149999999999999" customHeight="1">
      <c r="A7" s="47" t="s">
        <v>29</v>
      </c>
      <c r="B7" s="48"/>
      <c r="C7" s="49">
        <v>102.3</v>
      </c>
      <c r="D7" s="49">
        <v>0.7</v>
      </c>
      <c r="E7" s="50">
        <v>3.7</v>
      </c>
      <c r="F7" s="51"/>
      <c r="G7" s="52"/>
      <c r="H7" s="53" t="s">
        <v>30</v>
      </c>
      <c r="I7" s="54">
        <v>100.1</v>
      </c>
      <c r="J7" s="55">
        <v>0.7</v>
      </c>
      <c r="K7" s="56">
        <v>0.9</v>
      </c>
    </row>
    <row r="8" spans="1:12" ht="16.149999999999999" customHeight="1">
      <c r="A8" s="52"/>
      <c r="B8" s="57" t="s">
        <v>31</v>
      </c>
      <c r="C8" s="61">
        <v>99.4</v>
      </c>
      <c r="D8" s="61">
        <v>0.9</v>
      </c>
      <c r="E8" s="64">
        <v>0.4</v>
      </c>
      <c r="F8" s="51"/>
      <c r="G8" s="52"/>
      <c r="H8" s="59" t="s">
        <v>32</v>
      </c>
      <c r="I8" s="60">
        <v>104.2</v>
      </c>
      <c r="J8" s="61">
        <v>2.4</v>
      </c>
      <c r="K8" s="62">
        <v>4</v>
      </c>
    </row>
    <row r="9" spans="1:12" ht="16.149999999999999" customHeight="1">
      <c r="A9" s="52"/>
      <c r="B9" s="63" t="s">
        <v>33</v>
      </c>
      <c r="C9" s="61">
        <v>106.3</v>
      </c>
      <c r="D9" s="61">
        <v>1.6</v>
      </c>
      <c r="E9" s="64">
        <v>9.8000000000000007</v>
      </c>
      <c r="F9" s="51"/>
      <c r="G9" s="65"/>
      <c r="H9" s="66" t="s">
        <v>34</v>
      </c>
      <c r="I9" s="54">
        <v>101.6</v>
      </c>
      <c r="J9" s="55">
        <v>0.5</v>
      </c>
      <c r="K9" s="56">
        <v>0.5</v>
      </c>
    </row>
    <row r="10" spans="1:12" ht="16.149999999999999" customHeight="1">
      <c r="A10" s="52"/>
      <c r="B10" s="63" t="s">
        <v>35</v>
      </c>
      <c r="C10" s="61">
        <v>104.3</v>
      </c>
      <c r="D10" s="61">
        <v>-1.2</v>
      </c>
      <c r="E10" s="64">
        <v>2</v>
      </c>
      <c r="F10" s="51"/>
      <c r="G10" s="42" t="s">
        <v>36</v>
      </c>
      <c r="H10" s="43"/>
      <c r="I10" s="44">
        <v>103.3</v>
      </c>
      <c r="J10" s="45">
        <v>1.1000000000000001</v>
      </c>
      <c r="K10" s="46">
        <v>1</v>
      </c>
    </row>
    <row r="11" spans="1:12" ht="16.149999999999999" customHeight="1">
      <c r="A11" s="52"/>
      <c r="B11" s="63" t="s">
        <v>37</v>
      </c>
      <c r="C11" s="61">
        <v>99.6</v>
      </c>
      <c r="D11" s="61">
        <v>-0.3</v>
      </c>
      <c r="E11" s="64">
        <v>1.3</v>
      </c>
      <c r="F11" s="51"/>
      <c r="G11" s="52"/>
      <c r="H11" s="67" t="s">
        <v>38</v>
      </c>
      <c r="I11" s="54">
        <v>102.2</v>
      </c>
      <c r="J11" s="55">
        <v>1.1000000000000001</v>
      </c>
      <c r="K11" s="56">
        <v>4.2</v>
      </c>
    </row>
    <row r="12" spans="1:12" ht="14.25">
      <c r="A12" s="52"/>
      <c r="B12" s="68" t="s">
        <v>39</v>
      </c>
      <c r="C12" s="61">
        <v>100.5</v>
      </c>
      <c r="D12" s="61">
        <v>1</v>
      </c>
      <c r="E12" s="64">
        <v>4.9000000000000004</v>
      </c>
      <c r="F12" s="51"/>
      <c r="G12" s="52"/>
      <c r="H12" s="68" t="s">
        <v>40</v>
      </c>
      <c r="I12" s="60">
        <v>98.6</v>
      </c>
      <c r="J12" s="61">
        <v>1.9</v>
      </c>
      <c r="K12" s="62">
        <v>-2.8</v>
      </c>
    </row>
    <row r="13" spans="1:12" ht="16.149999999999999" customHeight="1">
      <c r="A13" s="52"/>
      <c r="B13" s="68" t="s">
        <v>41</v>
      </c>
      <c r="C13" s="61">
        <v>103</v>
      </c>
      <c r="D13" s="61">
        <v>-2.8</v>
      </c>
      <c r="E13" s="64">
        <v>9.4</v>
      </c>
      <c r="F13" s="51"/>
      <c r="G13" s="52"/>
      <c r="H13" s="68" t="s">
        <v>42</v>
      </c>
      <c r="I13" s="60">
        <v>104.1</v>
      </c>
      <c r="J13" s="61">
        <v>0.2</v>
      </c>
      <c r="K13" s="62">
        <v>3.4</v>
      </c>
    </row>
    <row r="14" spans="1:12" ht="16.149999999999999" customHeight="1">
      <c r="A14" s="52"/>
      <c r="B14" s="68" t="s">
        <v>43</v>
      </c>
      <c r="C14" s="61">
        <v>103.1</v>
      </c>
      <c r="D14" s="61">
        <v>2.1</v>
      </c>
      <c r="E14" s="64">
        <v>4.7</v>
      </c>
      <c r="F14" s="69"/>
      <c r="G14" s="65"/>
      <c r="H14" s="66" t="s">
        <v>44</v>
      </c>
      <c r="I14" s="54">
        <v>104.9</v>
      </c>
      <c r="J14" s="55">
        <v>1</v>
      </c>
      <c r="K14" s="56">
        <v>1.5</v>
      </c>
      <c r="L14" s="69"/>
    </row>
    <row r="15" spans="1:12" ht="16.149999999999999" customHeight="1">
      <c r="A15" s="52"/>
      <c r="B15" s="68" t="s">
        <v>45</v>
      </c>
      <c r="C15" s="61">
        <v>102.8</v>
      </c>
      <c r="D15" s="61">
        <v>1.6</v>
      </c>
      <c r="E15" s="64">
        <v>3.9</v>
      </c>
      <c r="F15" s="51"/>
      <c r="G15" s="42" t="s">
        <v>46</v>
      </c>
      <c r="H15" s="43"/>
      <c r="I15" s="49">
        <v>102.2</v>
      </c>
      <c r="J15" s="49">
        <v>0.3</v>
      </c>
      <c r="K15" s="50">
        <v>1.4</v>
      </c>
    </row>
    <row r="16" spans="1:12" ht="16.149999999999999" customHeight="1">
      <c r="A16" s="52"/>
      <c r="B16" s="68" t="s">
        <v>47</v>
      </c>
      <c r="C16" s="61">
        <v>103.1</v>
      </c>
      <c r="D16" s="61">
        <v>1.5</v>
      </c>
      <c r="E16" s="64">
        <v>4.4000000000000004</v>
      </c>
      <c r="F16" s="51"/>
      <c r="G16" s="52"/>
      <c r="H16" s="53" t="s">
        <v>48</v>
      </c>
      <c r="I16" s="54">
        <v>101.3</v>
      </c>
      <c r="J16" s="55">
        <v>0.9</v>
      </c>
      <c r="K16" s="56">
        <v>1</v>
      </c>
    </row>
    <row r="17" spans="1:11" ht="16.149999999999999" customHeight="1">
      <c r="A17" s="52"/>
      <c r="B17" s="68" t="s">
        <v>49</v>
      </c>
      <c r="C17" s="61">
        <v>105.2</v>
      </c>
      <c r="D17" s="61">
        <v>0.8</v>
      </c>
      <c r="E17" s="64">
        <v>8.3000000000000007</v>
      </c>
      <c r="F17" s="51"/>
      <c r="G17" s="52"/>
      <c r="H17" s="68" t="s">
        <v>50</v>
      </c>
      <c r="I17" s="60">
        <v>100.9</v>
      </c>
      <c r="J17" s="61">
        <v>0.5</v>
      </c>
      <c r="K17" s="62">
        <v>0.1</v>
      </c>
    </row>
    <row r="18" spans="1:11" ht="16.149999999999999" customHeight="1">
      <c r="A18" s="52"/>
      <c r="B18" s="68" t="s">
        <v>51</v>
      </c>
      <c r="C18" s="61">
        <v>99.1</v>
      </c>
      <c r="D18" s="61">
        <v>-0.3</v>
      </c>
      <c r="E18" s="64">
        <v>-0.2</v>
      </c>
      <c r="F18" s="51"/>
      <c r="G18" s="52"/>
      <c r="H18" s="68" t="s">
        <v>52</v>
      </c>
      <c r="I18" s="60">
        <v>103.8</v>
      </c>
      <c r="J18" s="61">
        <v>0</v>
      </c>
      <c r="K18" s="62">
        <v>6.7</v>
      </c>
    </row>
    <row r="19" spans="1:11" ht="16.149999999999999" customHeight="1">
      <c r="A19" s="52"/>
      <c r="B19" s="66" t="s">
        <v>53</v>
      </c>
      <c r="C19" s="61">
        <v>101.7</v>
      </c>
      <c r="D19" s="61">
        <v>0.7</v>
      </c>
      <c r="E19" s="64">
        <v>1.5</v>
      </c>
      <c r="F19" s="51"/>
      <c r="G19" s="52"/>
      <c r="H19" s="68" t="s">
        <v>54</v>
      </c>
      <c r="I19" s="60">
        <v>113.5</v>
      </c>
      <c r="J19" s="61">
        <v>0</v>
      </c>
      <c r="K19" s="62">
        <v>6.3</v>
      </c>
    </row>
    <row r="20" spans="1:11" ht="16.149999999999999" customHeight="1">
      <c r="A20" s="42" t="s">
        <v>55</v>
      </c>
      <c r="B20" s="43"/>
      <c r="C20" s="70">
        <v>99.4</v>
      </c>
      <c r="D20" s="71">
        <v>0</v>
      </c>
      <c r="E20" s="72">
        <v>0</v>
      </c>
      <c r="F20" s="51"/>
      <c r="G20" s="73"/>
      <c r="H20" s="68" t="s">
        <v>56</v>
      </c>
      <c r="I20" s="55">
        <v>101.2</v>
      </c>
      <c r="J20" s="55">
        <v>0</v>
      </c>
      <c r="K20" s="74">
        <v>0.2</v>
      </c>
    </row>
    <row r="21" spans="1:11" ht="16.149999999999999" customHeight="1">
      <c r="A21" s="52"/>
      <c r="B21" s="57" t="s">
        <v>57</v>
      </c>
      <c r="C21" s="75">
        <v>99.3</v>
      </c>
      <c r="D21" s="61">
        <v>0</v>
      </c>
      <c r="E21" s="62">
        <v>0</v>
      </c>
      <c r="G21" s="29"/>
      <c r="H21" s="76"/>
      <c r="I21" s="77"/>
      <c r="J21" s="77"/>
      <c r="K21" s="77"/>
    </row>
    <row r="22" spans="1:11" ht="16.149999999999999" customHeight="1">
      <c r="A22" s="65"/>
      <c r="B22" s="78" t="s">
        <v>58</v>
      </c>
      <c r="C22" s="79">
        <v>101.7</v>
      </c>
      <c r="D22" s="80">
        <v>0.1</v>
      </c>
      <c r="E22" s="81">
        <v>0</v>
      </c>
      <c r="G22" s="29"/>
      <c r="H22" s="82"/>
      <c r="I22" s="83"/>
      <c r="J22" s="83"/>
      <c r="K22" s="83"/>
    </row>
    <row r="23" spans="1:11" ht="16.149999999999999" customHeight="1">
      <c r="A23" s="42" t="s">
        <v>59</v>
      </c>
      <c r="B23" s="43"/>
      <c r="C23" s="70">
        <v>115</v>
      </c>
      <c r="D23" s="71">
        <v>1.2</v>
      </c>
      <c r="E23" s="72">
        <v>19.100000000000001</v>
      </c>
      <c r="G23" s="29"/>
      <c r="H23" s="82"/>
      <c r="I23" s="83"/>
      <c r="J23" s="83"/>
      <c r="K23" s="83"/>
    </row>
    <row r="24" spans="1:11" ht="16.149999999999999" customHeight="1">
      <c r="A24" s="52"/>
      <c r="B24" s="53" t="s">
        <v>60</v>
      </c>
      <c r="C24" s="84">
        <v>119.7</v>
      </c>
      <c r="D24" s="58">
        <v>1.3</v>
      </c>
      <c r="E24" s="85">
        <v>25.8</v>
      </c>
      <c r="G24" s="29"/>
      <c r="H24" s="82"/>
      <c r="I24" s="83"/>
      <c r="J24" s="83"/>
      <c r="K24" s="83"/>
    </row>
    <row r="25" spans="1:11" ht="16.149999999999999" customHeight="1">
      <c r="A25" s="52"/>
      <c r="B25" s="68" t="s">
        <v>61</v>
      </c>
      <c r="C25" s="60">
        <v>118.6</v>
      </c>
      <c r="D25" s="61">
        <v>1.8</v>
      </c>
      <c r="E25" s="62">
        <v>24</v>
      </c>
      <c r="G25" s="29"/>
      <c r="H25" s="82"/>
      <c r="I25" s="83"/>
      <c r="J25" s="83"/>
      <c r="K25" s="83"/>
    </row>
    <row r="26" spans="1:11" ht="16.149999999999999" customHeight="1">
      <c r="A26" s="52"/>
      <c r="B26" s="68" t="s">
        <v>62</v>
      </c>
      <c r="C26" s="60">
        <v>129.5</v>
      </c>
      <c r="D26" s="61">
        <v>0</v>
      </c>
      <c r="E26" s="62">
        <v>26.5</v>
      </c>
      <c r="G26" s="29"/>
      <c r="H26" s="82"/>
      <c r="I26" s="83"/>
      <c r="J26" s="83"/>
      <c r="K26" s="83"/>
    </row>
    <row r="27" spans="1:11" ht="16.149999999999999" customHeight="1">
      <c r="A27" s="65"/>
      <c r="B27" s="66" t="s">
        <v>63</v>
      </c>
      <c r="C27" s="75">
        <v>100</v>
      </c>
      <c r="D27" s="61">
        <v>0</v>
      </c>
      <c r="E27" s="62">
        <v>0</v>
      </c>
      <c r="G27" s="29"/>
      <c r="H27" s="82"/>
      <c r="I27" s="83"/>
      <c r="J27" s="83"/>
      <c r="K27" s="83"/>
    </row>
    <row r="28" spans="1:11" ht="16.149999999999999" customHeight="1">
      <c r="A28" s="42" t="s">
        <v>64</v>
      </c>
      <c r="B28" s="43"/>
      <c r="C28" s="70">
        <v>104.7</v>
      </c>
      <c r="D28" s="71">
        <v>2.6</v>
      </c>
      <c r="E28" s="72">
        <v>1.4</v>
      </c>
      <c r="G28" s="29"/>
      <c r="H28" s="82"/>
      <c r="I28" s="83"/>
      <c r="J28" s="83"/>
      <c r="K28" s="83"/>
    </row>
    <row r="29" spans="1:11" ht="16.149999999999999" customHeight="1">
      <c r="A29" s="52"/>
      <c r="B29" s="53" t="s">
        <v>65</v>
      </c>
      <c r="C29" s="84">
        <v>107.7</v>
      </c>
      <c r="D29" s="58">
        <v>8.5</v>
      </c>
      <c r="E29" s="85">
        <v>4.4000000000000004</v>
      </c>
      <c r="G29" s="29"/>
      <c r="H29" s="82"/>
      <c r="I29" s="83"/>
      <c r="J29" s="83"/>
      <c r="K29" s="83"/>
    </row>
    <row r="30" spans="1:11" s="69" customFormat="1" ht="16.149999999999999" customHeight="1">
      <c r="A30" s="86"/>
      <c r="B30" s="87" t="s">
        <v>66</v>
      </c>
      <c r="C30" s="60">
        <v>95</v>
      </c>
      <c r="D30" s="61">
        <v>-0.5</v>
      </c>
      <c r="E30" s="62">
        <v>1.3</v>
      </c>
      <c r="F30" s="27"/>
      <c r="G30" s="29"/>
      <c r="H30" s="82"/>
      <c r="I30" s="83"/>
      <c r="J30" s="83"/>
      <c r="K30" s="83"/>
    </row>
    <row r="31" spans="1:11" ht="16.149999999999999" customHeight="1">
      <c r="A31" s="52"/>
      <c r="B31" s="68" t="s">
        <v>67</v>
      </c>
      <c r="C31" s="60">
        <v>103.1</v>
      </c>
      <c r="D31" s="61">
        <v>-0.2</v>
      </c>
      <c r="E31" s="62">
        <v>4.4000000000000004</v>
      </c>
      <c r="G31" s="29"/>
      <c r="H31" s="82"/>
      <c r="I31" s="83"/>
      <c r="J31" s="83"/>
      <c r="K31" s="83"/>
    </row>
    <row r="32" spans="1:11" ht="16.149999999999999" customHeight="1">
      <c r="A32" s="52"/>
      <c r="B32" s="68" t="s">
        <v>68</v>
      </c>
      <c r="C32" s="60">
        <v>105.7</v>
      </c>
      <c r="D32" s="61">
        <v>1</v>
      </c>
      <c r="E32" s="62">
        <v>1.8</v>
      </c>
      <c r="G32" s="29"/>
      <c r="H32" s="82"/>
      <c r="I32" s="83"/>
      <c r="J32" s="83"/>
      <c r="K32" s="83"/>
    </row>
    <row r="33" spans="1:11" ht="16.149999999999999" customHeight="1">
      <c r="A33" s="52"/>
      <c r="B33" s="68" t="s">
        <v>69</v>
      </c>
      <c r="C33" s="88">
        <v>102.8</v>
      </c>
      <c r="D33" s="55">
        <v>-1</v>
      </c>
      <c r="E33" s="56">
        <v>-2.7</v>
      </c>
      <c r="G33" s="29"/>
      <c r="H33" s="82"/>
      <c r="I33" s="83"/>
      <c r="J33" s="83"/>
      <c r="K33" s="83"/>
    </row>
    <row r="34" spans="1:11" ht="16.149999999999999" customHeight="1">
      <c r="A34" s="65"/>
      <c r="B34" s="66" t="s">
        <v>70</v>
      </c>
      <c r="C34" s="75">
        <v>100</v>
      </c>
      <c r="D34" s="80">
        <v>0</v>
      </c>
      <c r="E34" s="81">
        <v>0</v>
      </c>
      <c r="G34" s="29"/>
      <c r="H34" s="82"/>
      <c r="I34" s="83"/>
      <c r="J34" s="83"/>
      <c r="K34" s="83"/>
    </row>
    <row r="35" spans="1:11" ht="16.149999999999999" customHeight="1">
      <c r="A35" s="42" t="s">
        <v>71</v>
      </c>
      <c r="B35" s="43"/>
      <c r="C35" s="70">
        <v>102.1</v>
      </c>
      <c r="D35" s="71">
        <v>1.6</v>
      </c>
      <c r="E35" s="72">
        <v>-0.3</v>
      </c>
      <c r="G35" s="29"/>
      <c r="H35" s="82"/>
      <c r="I35" s="83"/>
      <c r="J35" s="83"/>
      <c r="K35" s="83"/>
    </row>
    <row r="36" spans="1:11" ht="16.149999999999999" customHeight="1">
      <c r="A36" s="52"/>
      <c r="B36" s="53" t="s">
        <v>72</v>
      </c>
      <c r="C36" s="75">
        <v>103.9</v>
      </c>
      <c r="D36" s="61">
        <v>0.7</v>
      </c>
      <c r="E36" s="62">
        <v>-1.4</v>
      </c>
      <c r="G36" s="29"/>
      <c r="H36" s="82"/>
      <c r="I36" s="83"/>
      <c r="J36" s="83"/>
      <c r="K36" s="83"/>
    </row>
    <row r="37" spans="1:11" ht="16.149999999999999" customHeight="1">
      <c r="A37" s="52"/>
      <c r="B37" s="89" t="s">
        <v>73</v>
      </c>
      <c r="C37" s="60">
        <v>100.1</v>
      </c>
      <c r="D37" s="61">
        <v>3</v>
      </c>
      <c r="E37" s="62">
        <v>0.1</v>
      </c>
      <c r="G37" s="29"/>
      <c r="H37" s="82"/>
      <c r="I37" s="83"/>
      <c r="J37" s="83"/>
      <c r="K37" s="83"/>
    </row>
    <row r="38" spans="1:11" ht="16.149999999999999" customHeight="1">
      <c r="A38" s="52"/>
      <c r="B38" s="68" t="s">
        <v>74</v>
      </c>
      <c r="C38" s="60">
        <v>99.3</v>
      </c>
      <c r="D38" s="61">
        <v>0</v>
      </c>
      <c r="E38" s="62">
        <v>1.1000000000000001</v>
      </c>
      <c r="G38" s="29"/>
      <c r="H38" s="82"/>
      <c r="I38" s="83"/>
      <c r="J38" s="83"/>
      <c r="K38" s="83"/>
    </row>
    <row r="39" spans="1:11" ht="16.149999999999999" customHeight="1">
      <c r="A39" s="52"/>
      <c r="B39" s="68" t="s">
        <v>86</v>
      </c>
      <c r="C39" s="60">
        <v>104.3</v>
      </c>
      <c r="D39" s="61">
        <v>4</v>
      </c>
      <c r="E39" s="62">
        <v>1.1000000000000001</v>
      </c>
      <c r="G39" s="29"/>
      <c r="H39" s="82"/>
      <c r="I39" s="83"/>
      <c r="J39" s="83"/>
      <c r="K39" s="83"/>
    </row>
    <row r="40" spans="1:11" ht="16.149999999999999" customHeight="1">
      <c r="A40" s="65"/>
      <c r="B40" s="66" t="s">
        <v>75</v>
      </c>
      <c r="C40" s="75">
        <v>101.4</v>
      </c>
      <c r="D40" s="80">
        <v>1</v>
      </c>
      <c r="E40" s="81">
        <v>1.1000000000000001</v>
      </c>
      <c r="G40" s="29"/>
      <c r="H40" s="82"/>
      <c r="I40" s="83"/>
      <c r="J40" s="83"/>
      <c r="K40" s="83"/>
    </row>
    <row r="41" spans="1:11" ht="16.149999999999999" customHeight="1">
      <c r="A41" s="42" t="s">
        <v>76</v>
      </c>
      <c r="B41" s="43"/>
      <c r="C41" s="70">
        <v>99.5</v>
      </c>
      <c r="D41" s="71">
        <v>-0.2</v>
      </c>
      <c r="E41" s="72">
        <v>-0.7</v>
      </c>
      <c r="G41" s="29"/>
      <c r="H41" s="82"/>
      <c r="I41" s="83"/>
      <c r="J41" s="83"/>
      <c r="K41" s="83"/>
    </row>
    <row r="42" spans="1:11" ht="16.149999999999999" customHeight="1">
      <c r="A42" s="52"/>
      <c r="B42" s="67" t="s">
        <v>77</v>
      </c>
      <c r="C42" s="75">
        <v>101.9</v>
      </c>
      <c r="D42" s="61">
        <v>2.1</v>
      </c>
      <c r="E42" s="62">
        <v>1.8</v>
      </c>
      <c r="G42" s="29"/>
      <c r="H42" s="82"/>
      <c r="I42" s="83"/>
      <c r="J42" s="83"/>
      <c r="K42" s="83"/>
    </row>
    <row r="43" spans="1:11" ht="16.149999999999999" customHeight="1">
      <c r="A43" s="52"/>
      <c r="B43" s="90" t="s">
        <v>78</v>
      </c>
      <c r="C43" s="60">
        <v>100.9</v>
      </c>
      <c r="D43" s="61">
        <v>-0.5</v>
      </c>
      <c r="E43" s="62">
        <v>-1.1000000000000001</v>
      </c>
      <c r="G43" s="29"/>
      <c r="H43" s="82"/>
      <c r="I43" s="83"/>
      <c r="J43" s="83"/>
      <c r="K43" s="83"/>
    </row>
    <row r="44" spans="1:11" ht="16.149999999999999" customHeight="1">
      <c r="A44" s="65"/>
      <c r="B44" s="66" t="s">
        <v>79</v>
      </c>
      <c r="C44" s="75">
        <v>97.9</v>
      </c>
      <c r="D44" s="61">
        <v>-1.2</v>
      </c>
      <c r="E44" s="62">
        <v>-1.7</v>
      </c>
      <c r="G44" s="29"/>
      <c r="H44" s="82"/>
      <c r="I44" s="83"/>
      <c r="J44" s="83"/>
      <c r="K44" s="83"/>
    </row>
    <row r="45" spans="1:11" ht="16.149999999999999" customHeight="1">
      <c r="A45" s="42" t="s">
        <v>80</v>
      </c>
      <c r="B45" s="43"/>
      <c r="C45" s="70">
        <v>90.9</v>
      </c>
      <c r="D45" s="71">
        <v>-0.3</v>
      </c>
      <c r="E45" s="72">
        <v>-1.7</v>
      </c>
      <c r="G45" s="29"/>
      <c r="H45" s="82"/>
      <c r="I45" s="83"/>
      <c r="J45" s="83"/>
      <c r="K45" s="83"/>
    </row>
    <row r="46" spans="1:11" ht="16.149999999999999" customHeight="1">
      <c r="A46" s="52"/>
      <c r="B46" s="53" t="s">
        <v>81</v>
      </c>
      <c r="C46" s="75">
        <v>100.3</v>
      </c>
      <c r="D46" s="61">
        <v>-0.2</v>
      </c>
      <c r="E46" s="62">
        <v>0.3</v>
      </c>
      <c r="G46" s="29"/>
      <c r="H46" s="82"/>
      <c r="I46" s="83"/>
      <c r="J46" s="83"/>
      <c r="K46" s="83"/>
    </row>
    <row r="47" spans="1:11" ht="16.149999999999999" customHeight="1">
      <c r="A47" s="52"/>
      <c r="B47" s="68" t="s">
        <v>82</v>
      </c>
      <c r="C47" s="60">
        <v>104.1</v>
      </c>
      <c r="D47" s="61">
        <v>-0.5</v>
      </c>
      <c r="E47" s="62">
        <v>2.1</v>
      </c>
      <c r="G47" s="29"/>
      <c r="H47" s="82"/>
      <c r="I47" s="83"/>
      <c r="J47" s="83"/>
      <c r="K47" s="83"/>
    </row>
    <row r="48" spans="1:11" ht="16.149999999999999" customHeight="1">
      <c r="A48" s="65"/>
      <c r="B48" s="66" t="s">
        <v>83</v>
      </c>
      <c r="C48" s="79">
        <v>65.599999999999994</v>
      </c>
      <c r="D48" s="80">
        <v>-0.2</v>
      </c>
      <c r="E48" s="81">
        <v>-11.2</v>
      </c>
      <c r="G48" s="29"/>
      <c r="H48" s="82"/>
      <c r="I48" s="83"/>
      <c r="J48" s="83"/>
      <c r="K48" s="83"/>
    </row>
  </sheetData>
  <mergeCells count="6">
    <mergeCell ref="A3:B3"/>
    <mergeCell ref="A5:B5"/>
    <mergeCell ref="G5:H5"/>
    <mergeCell ref="A1:H1"/>
    <mergeCell ref="A2:K2"/>
    <mergeCell ref="I1:K1"/>
  </mergeCells>
  <phoneticPr fontId="2"/>
  <printOptions horizontalCentered="1"/>
  <pageMargins left="0.55118110236220474" right="0.39370078740157483" top="0.59055118110236227" bottom="0.62992125984251968" header="0.47244094488188981" footer="0.39370078740157483"/>
  <pageSetup paperSize="9" scale="88" orientation="portrait" r:id="rId1"/>
  <headerFooter scaleWithDoc="0"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消費者物価指数の概要 </vt:lpstr>
      <vt:lpstr>中分類指数</vt:lpstr>
      <vt:lpstr>中分類指数!Print_Area</vt:lpstr>
      <vt:lpstr>中分類指数!月報_中分類表抽出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2-05-31T01:57:08Z</cp:lastPrinted>
  <dcterms:created xsi:type="dcterms:W3CDTF">2017-03-03T01:49:29Z</dcterms:created>
  <dcterms:modified xsi:type="dcterms:W3CDTF">2022-05-31T01:57:27Z</dcterms:modified>
</cp:coreProperties>
</file>